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omments1.xml" ContentType="application/vnd.openxmlformats-officedocument.spreadsheetml.comments+xml"/>
  <Override PartName="/xl/drawings/drawing2.xml" ContentType="application/vnd.openxmlformats-officedocument.drawing+xml"/>
  <Override PartName="/xl/comments2.xml" ContentType="application/vnd.openxmlformats-officedocument.spreadsheetml.comment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429"/>
  <workbookPr/>
  <mc:AlternateContent xmlns:mc="http://schemas.openxmlformats.org/markup-compatibility/2006">
    <mc:Choice Requires="x15">
      <x15ac:absPath xmlns:x15ac="http://schemas.microsoft.com/office/spreadsheetml/2010/11/ac" url="https://osfonline-my.sharepoint.com/personal/cpgregory23_osfhealthcare_org/Documents/Documents/Helpful Docs/Micro/"/>
    </mc:Choice>
  </mc:AlternateContent>
  <xr:revisionPtr revIDLastSave="0" documentId="8_{C9CDF10E-95C1-4723-BC65-F245EBF38FE0}" xr6:coauthVersionLast="47" xr6:coauthVersionMax="47" xr10:uidLastSave="{00000000-0000-0000-0000-000000000000}"/>
  <bookViews>
    <workbookView xWindow="-108" yWindow="-108" windowWidth="23256" windowHeight="12576" xr2:uid="{BA9B7096-5745-4843-8509-8CA15425C796}"/>
  </bookViews>
  <sheets>
    <sheet name="Outreach Swab Chart" sheetId="1" r:id="rId1"/>
    <sheet name="Lab Swab Chart" sheetId="2" r:id="rId2"/>
  </sheets>
  <definedNames>
    <definedName name="_xlnm.Print_Area" localSheetId="1">'Lab Swab Chart'!$A$1:$D$117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Gregory, Colleen P.</author>
  </authors>
  <commentList>
    <comment ref="B8" authorId="0" shapeId="0" xr:uid="{EBA2A40B-12A6-4819-A7D9-FBC4CF8FBBCF}">
      <text>
        <r>
          <rPr>
            <b/>
            <sz val="9"/>
            <color indexed="81"/>
            <rFont val="Tahoma"/>
            <family val="2"/>
          </rPr>
          <t>Gregory, Colleen P.:</t>
        </r>
        <r>
          <rPr>
            <sz val="9"/>
            <color indexed="81"/>
            <rFont val="Tahoma"/>
            <family val="2"/>
          </rPr>
          <t xml:space="preserve">
put back in eswab when validation is finished</t>
        </r>
      </text>
    </comment>
    <comment ref="F8" authorId="0" shapeId="0" xr:uid="{B5C41FE5-1B82-473E-8039-B0280D1AC4E8}">
      <text>
        <r>
          <rPr>
            <b/>
            <sz val="9"/>
            <color indexed="81"/>
            <rFont val="Tahoma"/>
            <family val="2"/>
          </rPr>
          <t>Gregory, Colleen P.:</t>
        </r>
        <r>
          <rPr>
            <sz val="9"/>
            <color indexed="81"/>
            <rFont val="Tahoma"/>
            <family val="2"/>
          </rPr>
          <t xml:space="preserve">
put back in eswab when validation is finished</t>
        </r>
      </text>
    </comment>
    <comment ref="B21" authorId="0" shapeId="0" xr:uid="{1B93FDA3-4A8A-4573-9437-2EC2358754F0}">
      <text>
        <r>
          <rPr>
            <b/>
            <sz val="9"/>
            <color indexed="81"/>
            <rFont val="Tahoma"/>
            <family val="2"/>
          </rPr>
          <t>Gregory, Colleen P.:</t>
        </r>
        <r>
          <rPr>
            <sz val="9"/>
            <color indexed="81"/>
            <rFont val="Tahoma"/>
            <family val="2"/>
          </rPr>
          <t xml:space="preserve">
Sofia remove in June</t>
        </r>
      </text>
    </comment>
    <comment ref="B47" authorId="0" shapeId="0" xr:uid="{F85DE8A3-53B5-4C79-892B-DDADC073C62B}">
      <text>
        <r>
          <rPr>
            <b/>
            <sz val="9"/>
            <color indexed="81"/>
            <rFont val="Tahoma"/>
            <family val="2"/>
          </rPr>
          <t>Gregory, Colleen P.:</t>
        </r>
        <r>
          <rPr>
            <sz val="9"/>
            <color indexed="81"/>
            <rFont val="Tahoma"/>
            <family val="2"/>
          </rPr>
          <t xml:space="preserve">
Sofia, remove in june, or when we stop accepting</t>
        </r>
      </text>
    </comment>
    <comment ref="B48" authorId="0" shapeId="0" xr:uid="{CCFD1753-2655-4C48-9A62-1084BD81E6D9}">
      <text>
        <r>
          <rPr>
            <b/>
            <sz val="9"/>
            <color indexed="81"/>
            <rFont val="Tahoma"/>
            <family val="2"/>
          </rPr>
          <t>Gregory, Colleen P.:</t>
        </r>
        <r>
          <rPr>
            <sz val="9"/>
            <color indexed="81"/>
            <rFont val="Tahoma"/>
            <family val="2"/>
          </rPr>
          <t xml:space="preserve">
Abbott ID Now</t>
        </r>
      </text>
    </comment>
  </commentList>
</comments>
</file>

<file path=xl/comments2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Gregory, Colleen P.</author>
  </authors>
  <commentList>
    <comment ref="B9" authorId="0" shapeId="0" xr:uid="{03AF0BA3-C737-455E-9853-5F9180C01928}">
      <text>
        <r>
          <rPr>
            <b/>
            <sz val="9"/>
            <color indexed="81"/>
            <rFont val="Tahoma"/>
            <family val="2"/>
          </rPr>
          <t>Gregory, Colleen P.:</t>
        </r>
        <r>
          <rPr>
            <sz val="9"/>
            <color indexed="81"/>
            <rFont val="Tahoma"/>
            <family val="2"/>
          </rPr>
          <t xml:space="preserve">
put back in eswab when validation is finished</t>
        </r>
      </text>
    </comment>
    <comment ref="B21" authorId="0" shapeId="0" xr:uid="{06178CD3-5463-4FAE-A613-E679BA317F1D}">
      <text>
        <r>
          <rPr>
            <b/>
            <sz val="9"/>
            <color indexed="81"/>
            <rFont val="Tahoma"/>
            <family val="2"/>
          </rPr>
          <t>Gregory, Colleen P.:</t>
        </r>
        <r>
          <rPr>
            <sz val="9"/>
            <color indexed="81"/>
            <rFont val="Tahoma"/>
            <family val="2"/>
          </rPr>
          <t xml:space="preserve">
Sofia remove in June</t>
        </r>
      </text>
    </comment>
    <comment ref="B62" authorId="0" shapeId="0" xr:uid="{1A1F2C91-00F4-421D-BBDE-12C33E998A21}">
      <text>
        <r>
          <rPr>
            <b/>
            <sz val="9"/>
            <color indexed="81"/>
            <rFont val="Tahoma"/>
            <family val="2"/>
          </rPr>
          <t>Gregory, Colleen P.:</t>
        </r>
        <r>
          <rPr>
            <sz val="9"/>
            <color indexed="81"/>
            <rFont val="Tahoma"/>
            <family val="2"/>
          </rPr>
          <t xml:space="preserve">
Sofia, remove in june, or when we stop accepting</t>
        </r>
      </text>
    </comment>
    <comment ref="B63" authorId="0" shapeId="0" xr:uid="{04D6EBC9-5AE6-40DC-8103-90C035CF33DE}">
      <text>
        <r>
          <rPr>
            <b/>
            <sz val="9"/>
            <color indexed="81"/>
            <rFont val="Tahoma"/>
            <family val="2"/>
          </rPr>
          <t>Gregory, Colleen P.:</t>
        </r>
        <r>
          <rPr>
            <sz val="9"/>
            <color indexed="81"/>
            <rFont val="Tahoma"/>
            <family val="2"/>
          </rPr>
          <t xml:space="preserve">
Abbott ID Now</t>
        </r>
      </text>
    </comment>
  </commentList>
</comments>
</file>

<file path=xl/sharedStrings.xml><?xml version="1.0" encoding="utf-8"?>
<sst xmlns="http://schemas.openxmlformats.org/spreadsheetml/2006/main" count="315" uniqueCount="129">
  <si>
    <t>Saint Francis
Medical Center</t>
  </si>
  <si>
    <t>Swab and Stool Collection/Transport Media Chart</t>
  </si>
  <si>
    <t>Type of Swab or Transport Media</t>
  </si>
  <si>
    <t>Tests that can be performed with the swab</t>
  </si>
  <si>
    <t>Specimen Stability</t>
  </si>
  <si>
    <t xml:space="preserve">E-swab (small, white)
Product ID #: R220245 (white)
</t>
  </si>
  <si>
    <r>
      <t xml:space="preserve">Aerobic culture (Aerobic only Lab897) </t>
    </r>
    <r>
      <rPr>
        <sz val="10"/>
        <color rgb="FFFF0000"/>
        <rFont val="Arial"/>
        <family val="2"/>
      </rPr>
      <t>preferred</t>
    </r>
  </si>
  <si>
    <t>48hrs room temp (20-25C), or refrigerated (4-8C)</t>
  </si>
  <si>
    <r>
      <t xml:space="preserve">Aerobic/Anaerobic (Lab7701) </t>
    </r>
    <r>
      <rPr>
        <sz val="10"/>
        <color rgb="FFFF0000"/>
        <rFont val="Arial"/>
        <family val="2"/>
      </rPr>
      <t>preferred</t>
    </r>
  </si>
  <si>
    <r>
      <t xml:space="preserve">48hrs room temp (20-25C), or refrigerated (4-8C)
</t>
    </r>
    <r>
      <rPr>
        <sz val="10"/>
        <color rgb="FFFF0000"/>
        <rFont val="Arial"/>
        <family val="2"/>
      </rPr>
      <t>**Reject refrigerated specimens for anaerobic culture**</t>
    </r>
  </si>
  <si>
    <r>
      <t xml:space="preserve">Cipro culture (Lab3105) </t>
    </r>
    <r>
      <rPr>
        <sz val="10"/>
        <color rgb="FFFF0000"/>
        <rFont val="Arial"/>
        <family val="2"/>
      </rPr>
      <t>preferred</t>
    </r>
  </si>
  <si>
    <r>
      <t xml:space="preserve">Group A Strep culture only (Lab927) </t>
    </r>
    <r>
      <rPr>
        <sz val="10"/>
        <color rgb="FFFF0000"/>
        <rFont val="Arial"/>
        <family val="2"/>
      </rPr>
      <t>preferred</t>
    </r>
  </si>
  <si>
    <r>
      <t xml:space="preserve">Group A strep by PCR (Lab7330) </t>
    </r>
    <r>
      <rPr>
        <sz val="10"/>
        <color rgb="FFFF0000"/>
        <rFont val="Arial"/>
        <family val="2"/>
      </rPr>
      <t>preferred</t>
    </r>
  </si>
  <si>
    <t>48hrs room temp (20-25C), 6 days refrigerated (4-8C)</t>
  </si>
  <si>
    <r>
      <t xml:space="preserve">Group B Strep Culture (Lab910) </t>
    </r>
    <r>
      <rPr>
        <sz val="10"/>
        <color rgb="FFFF0000"/>
        <rFont val="Arial"/>
        <family val="2"/>
      </rPr>
      <t>preferred</t>
    </r>
  </si>
  <si>
    <t>72hrs refrigerated (4-8C)</t>
  </si>
  <si>
    <r>
      <t xml:space="preserve">VRE culture (Lab923) </t>
    </r>
    <r>
      <rPr>
        <sz val="10"/>
        <color rgb="FFFF0000"/>
        <rFont val="Arial"/>
        <family val="2"/>
      </rPr>
      <t>preferred</t>
    </r>
  </si>
  <si>
    <t xml:space="preserve">48hrs room temp (20-25C) </t>
  </si>
  <si>
    <r>
      <t xml:space="preserve">MRSA culture (Lab912) </t>
    </r>
    <r>
      <rPr>
        <sz val="10"/>
        <color rgb="FFFF0000"/>
        <rFont val="Arial"/>
        <family val="2"/>
      </rPr>
      <t>preferred</t>
    </r>
  </si>
  <si>
    <r>
      <t>Neisseria Gonorrhoeae (Lab909)</t>
    </r>
    <r>
      <rPr>
        <sz val="10"/>
        <color rgb="FFFF0000"/>
        <rFont val="Arial"/>
        <family val="2"/>
      </rPr>
      <t xml:space="preserve"> preferred</t>
    </r>
  </si>
  <si>
    <t>24hrs room temp (20-25C)</t>
  </si>
  <si>
    <r>
      <t xml:space="preserve">Yeast Culture (Lab925) </t>
    </r>
    <r>
      <rPr>
        <sz val="10"/>
        <color rgb="FFFF0000"/>
        <rFont val="Arial"/>
        <family val="2"/>
      </rPr>
      <t>preferred</t>
    </r>
  </si>
  <si>
    <t>48hrs room temp (20-25C)</t>
  </si>
  <si>
    <t>TB Culture (Lab920)</t>
  </si>
  <si>
    <r>
      <t xml:space="preserve">Transport to lab ASAP. Refrigerate (4-8C) if transport to lab is delayed by &gt;1hr. </t>
    </r>
    <r>
      <rPr>
        <sz val="10"/>
        <color rgb="FFFF0000"/>
        <rFont val="Arial"/>
        <family val="2"/>
      </rPr>
      <t>Note: if a smear is ordered, that cannot be done off the Eswab and a liquid stuart swab should be utilized instead</t>
    </r>
  </si>
  <si>
    <t>Fungus culture (Lab908)</t>
  </si>
  <si>
    <t>Nocardia Culture MAYO (CTB)</t>
  </si>
  <si>
    <t>7 days refrigerated (4-8C)</t>
  </si>
  <si>
    <t>Ureaplasma culture MAYO (Lab 2289)</t>
  </si>
  <si>
    <t>Stuart swab, single (clear/white)
Product ID #: 220099
Stuart swab, double
(red)
Product ID #: 220109</t>
  </si>
  <si>
    <t>Aerobic culture (Lab897) (not preferred)</t>
  </si>
  <si>
    <t>48hrs stored at 5-25C</t>
  </si>
  <si>
    <t>Group B Strep Culture (Lab910)</t>
  </si>
  <si>
    <t>Cipro Culture (Lab3105)</t>
  </si>
  <si>
    <t>Rapid Strep A Screen with Neg conf. (Lab1548)</t>
  </si>
  <si>
    <t>24hrs room temp (20-25C) or 48hrs refrigerated (4-8C)</t>
  </si>
  <si>
    <t xml:space="preserve">Group A Strep Culture (Lab927) </t>
  </si>
  <si>
    <t xml:space="preserve">72hrs room temp (20-25C) or refrigerated (4-8C) </t>
  </si>
  <si>
    <t>VRE culture (Lab923)</t>
  </si>
  <si>
    <t xml:space="preserve">24hrs room temp (20-25C) </t>
  </si>
  <si>
    <t>MRSA culture (Lab912)</t>
  </si>
  <si>
    <t xml:space="preserve">MRSA Nasal by PCR (Lab1294) </t>
  </si>
  <si>
    <t>24hrs room temp (20-25C), 7 days  refrigerated (4-8C)</t>
  </si>
  <si>
    <t>Yeast Culture (Lab925)</t>
  </si>
  <si>
    <t>Cystic Fibrosis culture (Lab4607)</t>
  </si>
  <si>
    <t>24hrs room temp (20-25C), or refrigerated (4-8C)</t>
  </si>
  <si>
    <r>
      <t>Transport to lab ASAP. Refrigerate (4-8C) if transport to lab is delayed by &gt;1hr.</t>
    </r>
    <r>
      <rPr>
        <sz val="10"/>
        <color rgb="FFFF0000"/>
        <rFont val="Arial"/>
        <family val="2"/>
      </rPr>
      <t xml:space="preserve"> Note: a smear can be done off this sample.</t>
    </r>
  </si>
  <si>
    <t xml:space="preserve">Sumbit to lab ASAP at room temp. </t>
  </si>
  <si>
    <t>Mycoplasma Pneumoniae DNA by Molecular (Lab8400)</t>
  </si>
  <si>
    <t>Refrigerate or room temp. Test within 2 months.</t>
  </si>
  <si>
    <t xml:space="preserve">Cobas PCR media Urine
Product ID#: 05170486190
Cobas PCR media Swab
Product ID#: 07958021190
</t>
  </si>
  <si>
    <t>Chlamydia/GC (LAB826) (Unisex urine swab only &lt;12yrs)</t>
  </si>
  <si>
    <t>Urine is stable for 24 hours at 2-8C 
Once urine is transferred to Cobas Urine tube, specimen is stable for 12 months at 2-30C
Cobas swab is stable for up to 12 months at 2-30C</t>
  </si>
  <si>
    <t xml:space="preserve">Once urine is transferred to Cobas Urine tube, specimen is stable for 12 months at 2-30C
</t>
  </si>
  <si>
    <t>Cobas swab is stable for up to 12 months at 2-30C</t>
  </si>
  <si>
    <t>Amies with charcoal (black)
Product ID #:220121</t>
  </si>
  <si>
    <t>MRSA Culture (Lab912)</t>
  </si>
  <si>
    <t>Neisseria Gonorrhoeae (Lab909)</t>
  </si>
  <si>
    <t>Various Viral Transport Media:
M6 transport media OR Viral Transport media OR
Universal Transport Media
Product ID #: 220526 (FLU, RSV, &amp; RESPA swabs &amp; UTM kits (red top)
Product ID #: R12587 (M4RT Transport Media)</t>
  </si>
  <si>
    <t>RSV, Rapid (Lab1424)</t>
  </si>
  <si>
    <t>24hrs room temp (20-25C) or refrigerated (4-8C)</t>
  </si>
  <si>
    <t>RSV, Molecular (Lab8475)</t>
  </si>
  <si>
    <t>8hrs room temp (20-25C), 24hrs refrigerated</t>
  </si>
  <si>
    <t>Respiratory pathogen array (Lab2944)</t>
  </si>
  <si>
    <t>72hrs refrigerated (4-8C). Testing must occur within 72 hours of collection.</t>
  </si>
  <si>
    <t>Bordetella pertussis PCR (Lab1827)</t>
  </si>
  <si>
    <t>7 days refrigerated (4-8C). Transport on ice.</t>
  </si>
  <si>
    <t>Herpes simplex virus, PCR, varies MAYO (Lab7790)</t>
  </si>
  <si>
    <t>RSV,SARS-COV-2,FLU A/B PCR (Lab7172)</t>
  </si>
  <si>
    <t>24hrs room temp (20-25C), 7 days refrigerated (4-8C)</t>
  </si>
  <si>
    <t>Influenza A/B by Molecular (LAB8477)</t>
  </si>
  <si>
    <t>Sars-CoV-2 by Molecular (LAB7069) - PCR Method only</t>
  </si>
  <si>
    <t>8hrs room temp (20-25C), 7 days refrigerated (4-8C)</t>
  </si>
  <si>
    <t>Xpert TV Collection Kit Swab or Urine
Product ID #: 10317920 (Urine)
Product ID #: 10317919 (Swab)</t>
  </si>
  <si>
    <t>Xpert TV Test (Aptima tubes not acceptable) (Lab8411)</t>
  </si>
  <si>
    <t>4hrs room temp (20-25C), 4 days refrigerated (4-8C) without preservative</t>
  </si>
  <si>
    <t>14 days room temp (20-25C), 28 days refrigerated (4-8C) with preservative</t>
  </si>
  <si>
    <t>*Not for use in Chlamydia/GC Probe Testing</t>
  </si>
  <si>
    <t>BD Max: Molecular Swab Collection Kit
Product ID #: 443925</t>
  </si>
  <si>
    <t>Vaginitis Panel, Molecular (Lab1783)</t>
  </si>
  <si>
    <r>
      <t xml:space="preserve">21 days room temp (20-25C), transort at room temp.
</t>
    </r>
    <r>
      <rPr>
        <sz val="10"/>
        <color rgb="FFFF0000"/>
        <rFont val="Arial"/>
        <family val="2"/>
      </rPr>
      <t xml:space="preserve">
*Not for use in Chlamydia/GC or TV probe testing</t>
    </r>
  </si>
  <si>
    <t>Carey-Blair Media
Product ID#: 23038064</t>
  </si>
  <si>
    <t>Stool culture (Lab1766)</t>
  </si>
  <si>
    <t>4 days room temp (20-25C) or refrigerated (4-8C)</t>
  </si>
  <si>
    <t>Gastrointestinal Pathogen Array (Lab5003)</t>
  </si>
  <si>
    <t>Giardia (SFMC Only)(Lab1514)</t>
  </si>
  <si>
    <t>Refrigerate (4-8C) or freeze (-20 to -70) within 1 week of collection</t>
  </si>
  <si>
    <t>Crypto (SFMC Only)(Lab1517)</t>
  </si>
  <si>
    <t>*Ensure the stool is filled to the line indicated on the container.</t>
  </si>
  <si>
    <t>* Stools will be rejected each time they are not filled to the line.</t>
  </si>
  <si>
    <t>Copan Fecal Swab (SFMC ONLY)
Product ID#: R723487</t>
  </si>
  <si>
    <r>
      <t xml:space="preserve">Stool culture (Lab1766) </t>
    </r>
    <r>
      <rPr>
        <sz val="10"/>
        <color rgb="FFFF0000"/>
        <rFont val="Arial"/>
        <family val="2"/>
      </rPr>
      <t>preferred - SFMC only</t>
    </r>
  </si>
  <si>
    <t>Ensure stool is filled between minimum and maximum fill lines.</t>
  </si>
  <si>
    <t>10% formalin, MF or SAF fixatives</t>
  </si>
  <si>
    <t>Giardia (Lab1514)</t>
  </si>
  <si>
    <t>Room temp (20-25C) or refrigerate (4-8). Test within 2 months.</t>
  </si>
  <si>
    <t>Crypto (Lab1517)</t>
  </si>
  <si>
    <t>Ova and Parasites Media (Green top)
Para-PAK Ecofix specimen collection system
Product ID#: MCL Supply T790</t>
  </si>
  <si>
    <t>Ova and Parasites (SFMC Only) (Lab8447)</t>
  </si>
  <si>
    <t>21 days room temp (20-25C) or refrigerated.</t>
  </si>
  <si>
    <t>*Ensure the stool is filled to the line indicated on the container. Do not fill above the line.</t>
  </si>
  <si>
    <t>*10% buffered formalin-preserved specimens submitted without an accompanying Zn PVA-preserved specimen will be canceled.</t>
  </si>
  <si>
    <t>IFOB
Product ID#: 20196</t>
  </si>
  <si>
    <t>Immunoassay Fecal Occult Blood (Lab1317)</t>
  </si>
  <si>
    <t>8 days room temp (20-25C), 6 months refrigerated (4-8C)</t>
  </si>
  <si>
    <t>Collect samples at home/office according to instructions provided and send back to laboratory</t>
  </si>
  <si>
    <t>Fresh stool
Product ID#: DYND30510 (stool cups)</t>
  </si>
  <si>
    <t>C. Difficile by PCR (Lab1829)</t>
  </si>
  <si>
    <t>24hrs room temp (20-25C), 5 days refrigerated (4-8C) *Formed stool will be rejected.</t>
  </si>
  <si>
    <t>Body Fluid, Potassium (K) (Lab778)</t>
  </si>
  <si>
    <t>Test or refrigerated within 4 hours. Formed stool will be rejected.</t>
  </si>
  <si>
    <t>Body Fluid, Sodium (Na) (Lab779)</t>
  </si>
  <si>
    <t>Stool, Fat Screening (Lab1518)</t>
  </si>
  <si>
    <t>Refrigerate within 40 minutes and test within 24 hrs.</t>
  </si>
  <si>
    <t>Refrigerate and test within 48hrs</t>
  </si>
  <si>
    <t>Stool Containers - 24, 48, 72 Hour Kit
Product ID#: MCL Supply T291</t>
  </si>
  <si>
    <t>48 hr or 72 hr Fecal fat testing MAYO (Lab1916)</t>
  </si>
  <si>
    <t>Use Mayo collection containers only and fill per the requirements found here.</t>
  </si>
  <si>
    <t>Product ID#'s can be found here. Be sure to choose the correct supply form for your facility.</t>
  </si>
  <si>
    <t>Stuart swab, single (clear/white)
Product ID #: 220099
Stuart swab, double
(red)
Product ID #: 220109</t>
  </si>
  <si>
    <t>Sterile Nasal or Nasopharyngeal swab
Nasal Swab Product ID#:
1U054S01, 25-1406, 25-1506
Nasopharyngeal Swab
Product ID#: 25-3317</t>
  </si>
  <si>
    <t>2hrs room temp (20-25C), 24hrs refrigerated</t>
  </si>
  <si>
    <t>Sars-CoV-2 by Molecular (LAB7069)</t>
  </si>
  <si>
    <t>1 hour room temp (20-25C)</t>
  </si>
  <si>
    <t>Strep A by Molecular (LAB8476)</t>
  </si>
  <si>
    <t>72 hours room temp (20-25C) or refrigerated</t>
  </si>
  <si>
    <t>Group B Strep culture (Lab910)</t>
  </si>
  <si>
    <r>
      <t xml:space="preserve">Fungus culture (Lab908) </t>
    </r>
    <r>
      <rPr>
        <sz val="10"/>
        <color rgb="FFFF0000"/>
        <rFont val="Arial"/>
        <family val="2"/>
      </rPr>
      <t>preferred</t>
    </r>
  </si>
  <si>
    <r>
      <t xml:space="preserve">TB Culture (Lab920) </t>
    </r>
    <r>
      <rPr>
        <sz val="10"/>
        <color rgb="FFFF0000"/>
        <rFont val="Arial"/>
        <family val="2"/>
      </rPr>
      <t>preferred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4" x14ac:knownFonts="1">
    <font>
      <sz val="12"/>
      <color theme="1"/>
      <name val="Calibri"/>
      <family val="2"/>
      <scheme val="minor"/>
    </font>
    <font>
      <sz val="20"/>
      <color rgb="FF7F0000"/>
      <name val="Arial"/>
      <family val="2"/>
    </font>
    <font>
      <sz val="10"/>
      <name val="Arial"/>
      <family val="2"/>
    </font>
    <font>
      <b/>
      <sz val="11"/>
      <name val="Arial"/>
      <family val="2"/>
    </font>
    <font>
      <sz val="10"/>
      <color rgb="FF000000"/>
      <name val="Arial"/>
      <family val="2"/>
    </font>
    <font>
      <u/>
      <sz val="12"/>
      <color theme="10"/>
      <name val="Calibri"/>
      <family val="2"/>
      <scheme val="minor"/>
    </font>
    <font>
      <u/>
      <sz val="10"/>
      <color theme="10"/>
      <name val="Arial"/>
      <family val="2"/>
    </font>
    <font>
      <sz val="8"/>
      <name val="Calibri"/>
      <family val="2"/>
      <scheme val="minor"/>
    </font>
    <font>
      <b/>
      <sz val="10"/>
      <name val="Arial"/>
      <family val="2"/>
    </font>
    <font>
      <sz val="10"/>
      <color theme="1"/>
      <name val="Arial"/>
      <family val="2"/>
    </font>
    <font>
      <sz val="10"/>
      <color rgb="FFFF0000"/>
      <name val="Arial"/>
      <family val="2"/>
    </font>
    <font>
      <sz val="9"/>
      <color indexed="81"/>
      <name val="Tahoma"/>
      <family val="2"/>
    </font>
    <font>
      <b/>
      <sz val="9"/>
      <color indexed="81"/>
      <name val="Tahoma"/>
      <family val="2"/>
    </font>
    <font>
      <sz val="12"/>
      <name val="Calibri"/>
      <family val="2"/>
      <scheme val="minor"/>
    </font>
  </fonts>
  <fills count="4">
    <fill>
      <patternFill patternType="none"/>
    </fill>
    <fill>
      <patternFill patternType="gray125"/>
    </fill>
    <fill>
      <patternFill patternType="solid">
        <fgColor rgb="FF92D050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rgb="FF000000"/>
      </left>
      <right style="thin">
        <color rgb="FF000000"/>
      </right>
      <top style="thin">
        <color rgb="FF000000"/>
      </top>
      <bottom style="thin">
        <color rgb="FF000000"/>
      </bottom>
      <diagonal/>
    </border>
    <border>
      <left style="thin">
        <color rgb="FF000000"/>
      </left>
      <right/>
      <top style="thin">
        <color rgb="FF000000"/>
      </top>
      <bottom style="thin">
        <color rgb="FF000000"/>
      </bottom>
      <diagonal/>
    </border>
    <border>
      <left/>
      <right/>
      <top style="thin">
        <color rgb="FF000000"/>
      </top>
      <bottom style="thin">
        <color rgb="FF000000"/>
      </bottom>
      <diagonal/>
    </border>
    <border>
      <left/>
      <right style="thin">
        <color rgb="FF000000"/>
      </right>
      <top style="thin">
        <color rgb="FF000000"/>
      </top>
      <bottom style="thin">
        <color rgb="FF000000"/>
      </bottom>
      <diagonal/>
    </border>
    <border>
      <left style="thin">
        <color rgb="FF000000"/>
      </left>
      <right style="thin">
        <color rgb="FF000000"/>
      </right>
      <top/>
      <bottom style="thin">
        <color rgb="FF000000"/>
      </bottom>
      <diagonal/>
    </border>
    <border>
      <left style="thin">
        <color rgb="FF000000"/>
      </left>
      <right style="thin">
        <color rgb="FF000000"/>
      </right>
      <top style="thin">
        <color rgb="FF000000"/>
      </top>
      <bottom style="thick">
        <color rgb="FF000000"/>
      </bottom>
      <diagonal/>
    </border>
    <border>
      <left style="thin">
        <color rgb="FF000000"/>
      </left>
      <right style="thin">
        <color rgb="FF000000"/>
      </right>
      <top style="thick">
        <color rgb="FF000000"/>
      </top>
      <bottom style="thin">
        <color rgb="FF000000"/>
      </bottom>
      <diagonal/>
    </border>
    <border>
      <left style="thin">
        <color rgb="FF000000"/>
      </left>
      <right style="thin">
        <color rgb="FF000000"/>
      </right>
      <top style="thick">
        <color rgb="FF000000"/>
      </top>
      <bottom style="thick">
        <color rgb="FF000000"/>
      </bottom>
      <diagonal/>
    </border>
    <border>
      <left style="thin">
        <color rgb="FF000000"/>
      </left>
      <right style="thin">
        <color rgb="FF000000"/>
      </right>
      <top style="thick">
        <color rgb="FF000000"/>
      </top>
      <bottom/>
      <diagonal/>
    </border>
    <border>
      <left style="thin">
        <color rgb="FF000000"/>
      </left>
      <right style="thin">
        <color rgb="FF000000"/>
      </right>
      <top/>
      <bottom style="thick">
        <color rgb="FF000000"/>
      </bottom>
      <diagonal/>
    </border>
    <border>
      <left style="thin">
        <color rgb="FF000000"/>
      </left>
      <right style="thin">
        <color rgb="FF000000"/>
      </right>
      <top/>
      <bottom/>
      <diagonal/>
    </border>
    <border>
      <left/>
      <right style="thin">
        <color rgb="FF000000"/>
      </right>
      <top style="thin">
        <color rgb="FF000000"/>
      </top>
      <bottom/>
      <diagonal/>
    </border>
    <border>
      <left style="thin">
        <color rgb="FF000000"/>
      </left>
      <right style="thin">
        <color rgb="FF000000"/>
      </right>
      <top style="thin">
        <color rgb="FF000000"/>
      </top>
      <bottom/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rgb="FF000000"/>
      </left>
      <right style="thin">
        <color rgb="FF000000"/>
      </right>
      <top style="thin">
        <color indexed="64"/>
      </top>
      <bottom style="thin">
        <color rgb="FF000000"/>
      </bottom>
      <diagonal/>
    </border>
  </borders>
  <cellStyleXfs count="2">
    <xf numFmtId="0" fontId="0" fillId="0" borderId="0"/>
    <xf numFmtId="0" fontId="5" fillId="0" borderId="0" applyNumberFormat="0" applyFill="0" applyBorder="0" applyAlignment="0" applyProtection="0"/>
  </cellStyleXfs>
  <cellXfs count="53">
    <xf numFmtId="0" fontId="0" fillId="0" borderId="0" xfId="0"/>
    <xf numFmtId="0" fontId="0" fillId="0" borderId="0" xfId="0" applyAlignment="1">
      <alignment horizontal="left" vertical="top"/>
    </xf>
    <xf numFmtId="0" fontId="0" fillId="0" borderId="0" xfId="0" applyAlignment="1">
      <alignment wrapText="1"/>
    </xf>
    <xf numFmtId="0" fontId="4" fillId="0" borderId="1" xfId="0" applyFont="1" applyBorder="1" applyAlignment="1">
      <alignment horizontal="left" vertical="top" wrapText="1"/>
    </xf>
    <xf numFmtId="0" fontId="4" fillId="0" borderId="7" xfId="0" applyFont="1" applyBorder="1" applyAlignment="1">
      <alignment horizontal="left" vertical="top" wrapText="1"/>
    </xf>
    <xf numFmtId="0" fontId="8" fillId="0" borderId="1" xfId="0" applyFont="1" applyBorder="1" applyAlignment="1">
      <alignment horizontal="left" vertical="top" wrapText="1"/>
    </xf>
    <xf numFmtId="0" fontId="9" fillId="0" borderId="1" xfId="0" applyFont="1" applyBorder="1"/>
    <xf numFmtId="0" fontId="9" fillId="0" borderId="1" xfId="0" applyFont="1" applyBorder="1" applyAlignment="1">
      <alignment wrapText="1"/>
    </xf>
    <xf numFmtId="0" fontId="9" fillId="0" borderId="7" xfId="0" applyFont="1" applyBorder="1" applyAlignment="1">
      <alignment wrapText="1"/>
    </xf>
    <xf numFmtId="0" fontId="9" fillId="0" borderId="0" xfId="0" applyFont="1"/>
    <xf numFmtId="0" fontId="9" fillId="0" borderId="6" xfId="0" applyFont="1" applyBorder="1" applyAlignment="1">
      <alignment wrapText="1"/>
    </xf>
    <xf numFmtId="0" fontId="9" fillId="0" borderId="5" xfId="0" applyFont="1" applyBorder="1" applyAlignment="1">
      <alignment wrapText="1"/>
    </xf>
    <xf numFmtId="0" fontId="9" fillId="0" borderId="0" xfId="0" applyFont="1" applyAlignment="1">
      <alignment wrapText="1"/>
    </xf>
    <xf numFmtId="0" fontId="6" fillId="0" borderId="7" xfId="1" applyFont="1" applyFill="1" applyBorder="1" applyAlignment="1">
      <alignment horizontal="left" vertical="top" wrapText="1"/>
    </xf>
    <xf numFmtId="0" fontId="6" fillId="0" borderId="0" xfId="1" applyFont="1" applyFill="1" applyAlignment="1">
      <alignment horizontal="left" vertical="top" wrapText="1"/>
    </xf>
    <xf numFmtId="0" fontId="6" fillId="3" borderId="0" xfId="1" applyFont="1" applyFill="1" applyAlignment="1">
      <alignment horizontal="left" vertical="top" wrapText="1"/>
    </xf>
    <xf numFmtId="0" fontId="4" fillId="0" borderId="8" xfId="0" applyFont="1" applyBorder="1" applyAlignment="1">
      <alignment horizontal="left" vertical="top" wrapText="1"/>
    </xf>
    <xf numFmtId="0" fontId="4" fillId="0" borderId="8" xfId="0" applyFont="1" applyBorder="1" applyAlignment="1">
      <alignment horizontal="left" vertical="top"/>
    </xf>
    <xf numFmtId="0" fontId="2" fillId="0" borderId="5" xfId="0" applyFont="1" applyBorder="1" applyAlignment="1">
      <alignment horizontal="left" vertical="top" wrapText="1"/>
    </xf>
    <xf numFmtId="0" fontId="2" fillId="0" borderId="6" xfId="0" applyFont="1" applyBorder="1" applyAlignment="1">
      <alignment horizontal="left" vertical="top" wrapText="1"/>
    </xf>
    <xf numFmtId="0" fontId="2" fillId="0" borderId="1" xfId="0" applyFont="1" applyBorder="1" applyAlignment="1">
      <alignment wrapText="1"/>
    </xf>
    <xf numFmtId="0" fontId="2" fillId="0" borderId="4" xfId="0" applyFont="1" applyBorder="1" applyAlignment="1">
      <alignment wrapText="1"/>
    </xf>
    <xf numFmtId="0" fontId="2" fillId="0" borderId="12" xfId="0" applyFont="1" applyBorder="1" applyAlignment="1">
      <alignment wrapText="1"/>
    </xf>
    <xf numFmtId="0" fontId="2" fillId="0" borderId="13" xfId="0" applyFont="1" applyBorder="1" applyAlignment="1">
      <alignment wrapText="1"/>
    </xf>
    <xf numFmtId="0" fontId="2" fillId="0" borderId="14" xfId="0" applyFont="1" applyBorder="1" applyAlignment="1">
      <alignment wrapText="1"/>
    </xf>
    <xf numFmtId="0" fontId="13" fillId="0" borderId="15" xfId="0" applyFont="1" applyBorder="1" applyAlignment="1">
      <alignment wrapText="1"/>
    </xf>
    <xf numFmtId="0" fontId="2" fillId="0" borderId="15" xfId="0" applyFont="1" applyBorder="1" applyAlignment="1">
      <alignment wrapText="1"/>
    </xf>
    <xf numFmtId="0" fontId="9" fillId="0" borderId="16" xfId="0" applyFont="1" applyBorder="1" applyAlignment="1">
      <alignment wrapText="1"/>
    </xf>
    <xf numFmtId="0" fontId="9" fillId="0" borderId="13" xfId="0" applyFont="1" applyBorder="1" applyAlignment="1">
      <alignment wrapText="1"/>
    </xf>
    <xf numFmtId="0" fontId="2" fillId="0" borderId="8" xfId="0" applyFont="1" applyBorder="1" applyAlignment="1">
      <alignment horizontal="center" vertical="top" wrapText="1"/>
    </xf>
    <xf numFmtId="0" fontId="9" fillId="0" borderId="8" xfId="0" applyFont="1" applyBorder="1" applyAlignment="1">
      <alignment vertical="top" wrapText="1"/>
    </xf>
    <xf numFmtId="0" fontId="9" fillId="0" borderId="10" xfId="0" applyFont="1" applyBorder="1" applyAlignment="1">
      <alignment vertical="top" wrapText="1"/>
    </xf>
    <xf numFmtId="0" fontId="4" fillId="0" borderId="9" xfId="0" applyFont="1" applyBorder="1" applyAlignment="1">
      <alignment horizontal="left" vertical="top"/>
    </xf>
    <xf numFmtId="0" fontId="4" fillId="0" borderId="9" xfId="0" applyFont="1" applyBorder="1" applyAlignment="1">
      <alignment horizontal="left" vertical="top" wrapText="1"/>
    </xf>
    <xf numFmtId="0" fontId="2" fillId="0" borderId="7" xfId="0" applyFont="1" applyBorder="1" applyAlignment="1">
      <alignment horizontal="left" vertical="top" wrapText="1"/>
    </xf>
    <xf numFmtId="0" fontId="4" fillId="0" borderId="7" xfId="0" applyFont="1" applyBorder="1" applyAlignment="1">
      <alignment horizontal="center" vertical="top" wrapText="1"/>
    </xf>
    <xf numFmtId="0" fontId="4" fillId="0" borderId="1" xfId="0" applyFont="1" applyBorder="1" applyAlignment="1">
      <alignment horizontal="center" vertical="top" wrapText="1"/>
    </xf>
    <xf numFmtId="0" fontId="4" fillId="0" borderId="6" xfId="0" applyFont="1" applyBorder="1" applyAlignment="1">
      <alignment horizontal="center" vertical="top" wrapText="1"/>
    </xf>
    <xf numFmtId="0" fontId="2" fillId="0" borderId="9" xfId="0" applyFont="1" applyBorder="1" applyAlignment="1">
      <alignment horizontal="center" vertical="top" wrapText="1"/>
    </xf>
    <xf numFmtId="0" fontId="2" fillId="0" borderId="11" xfId="0" applyFont="1" applyBorder="1" applyAlignment="1">
      <alignment horizontal="center" vertical="top" wrapText="1"/>
    </xf>
    <xf numFmtId="0" fontId="2" fillId="0" borderId="10" xfId="0" applyFont="1" applyBorder="1" applyAlignment="1">
      <alignment horizontal="center" vertical="top" wrapText="1"/>
    </xf>
    <xf numFmtId="0" fontId="2" fillId="0" borderId="5" xfId="0" applyFont="1" applyBorder="1" applyAlignment="1">
      <alignment horizontal="center" vertical="top" wrapText="1"/>
    </xf>
    <xf numFmtId="0" fontId="2" fillId="0" borderId="1" xfId="0" applyFont="1" applyBorder="1" applyAlignment="1">
      <alignment horizontal="center" vertical="top" wrapText="1"/>
    </xf>
    <xf numFmtId="0" fontId="2" fillId="0" borderId="13" xfId="0" applyFont="1" applyBorder="1" applyAlignment="1">
      <alignment horizontal="center" vertical="top" wrapText="1"/>
    </xf>
    <xf numFmtId="0" fontId="4" fillId="0" borderId="9" xfId="0" applyFont="1" applyBorder="1" applyAlignment="1">
      <alignment horizontal="center" vertical="top" wrapText="1"/>
    </xf>
    <xf numFmtId="0" fontId="4" fillId="0" borderId="10" xfId="0" applyFont="1" applyBorder="1" applyAlignment="1">
      <alignment horizontal="center" vertical="top" wrapText="1"/>
    </xf>
    <xf numFmtId="0" fontId="2" fillId="0" borderId="7" xfId="0" applyFont="1" applyBorder="1" applyAlignment="1">
      <alignment horizontal="center" vertical="top" wrapText="1"/>
    </xf>
    <xf numFmtId="0" fontId="2" fillId="0" borderId="6" xfId="0" applyFont="1" applyBorder="1" applyAlignment="1">
      <alignment horizontal="center" vertical="top" wrapText="1"/>
    </xf>
    <xf numFmtId="0" fontId="1" fillId="0" borderId="0" xfId="0" applyFont="1" applyAlignment="1">
      <alignment horizontal="left" vertical="top" wrapText="1" indent="10"/>
    </xf>
    <xf numFmtId="0" fontId="0" fillId="0" borderId="0" xfId="0" applyAlignment="1">
      <alignment horizontal="left" vertical="top" wrapText="1" indent="10"/>
    </xf>
    <xf numFmtId="0" fontId="3" fillId="2" borderId="2" xfId="0" applyFont="1" applyFill="1" applyBorder="1" applyAlignment="1">
      <alignment horizontal="center" vertical="top" wrapText="1"/>
    </xf>
    <xf numFmtId="0" fontId="3" fillId="2" borderId="3" xfId="0" applyFont="1" applyFill="1" applyBorder="1" applyAlignment="1">
      <alignment horizontal="center" vertical="top" wrapText="1"/>
    </xf>
    <xf numFmtId="0" fontId="3" fillId="2" borderId="4" xfId="0" applyFont="1" applyFill="1" applyBorder="1" applyAlignment="1">
      <alignment horizontal="center" vertical="top" wrapText="1"/>
    </xf>
  </cellXfs>
  <cellStyles count="2">
    <cellStyle name="Hyperlink" xfId="1" builtinId="8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customXml" Target="../customXml/item4.xml"/></Relationships>
</file>

<file path=xl/drawings/_rels/drawing1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emf"/><Relationship Id="rId13" Type="http://schemas.openxmlformats.org/officeDocument/2006/relationships/image" Target="../media/image13.jpeg"/><Relationship Id="rId18" Type="http://schemas.openxmlformats.org/officeDocument/2006/relationships/image" Target="../media/image18.jpeg"/><Relationship Id="rId3" Type="http://schemas.openxmlformats.org/officeDocument/2006/relationships/image" Target="../media/image3.jpeg"/><Relationship Id="rId7" Type="http://schemas.openxmlformats.org/officeDocument/2006/relationships/image" Target="../media/image7.emf"/><Relationship Id="rId12" Type="http://schemas.openxmlformats.org/officeDocument/2006/relationships/image" Target="../media/image12.png"/><Relationship Id="rId17" Type="http://schemas.openxmlformats.org/officeDocument/2006/relationships/image" Target="../media/image17.png"/><Relationship Id="rId2" Type="http://schemas.openxmlformats.org/officeDocument/2006/relationships/image" Target="../media/image2.jpeg"/><Relationship Id="rId16" Type="http://schemas.openxmlformats.org/officeDocument/2006/relationships/image" Target="../media/image16.jpeg"/><Relationship Id="rId1" Type="http://schemas.openxmlformats.org/officeDocument/2006/relationships/image" Target="../media/image1.jpeg"/><Relationship Id="rId6" Type="http://schemas.openxmlformats.org/officeDocument/2006/relationships/image" Target="../media/image6.jpeg"/><Relationship Id="rId11" Type="http://schemas.openxmlformats.org/officeDocument/2006/relationships/image" Target="../media/image11.png"/><Relationship Id="rId5" Type="http://schemas.openxmlformats.org/officeDocument/2006/relationships/image" Target="../media/image5.jpeg"/><Relationship Id="rId15" Type="http://schemas.openxmlformats.org/officeDocument/2006/relationships/image" Target="../media/image15.jpeg"/><Relationship Id="rId10" Type="http://schemas.openxmlformats.org/officeDocument/2006/relationships/image" Target="../media/image10.emf"/><Relationship Id="rId19" Type="http://schemas.openxmlformats.org/officeDocument/2006/relationships/image" Target="../media/image19.png"/><Relationship Id="rId4" Type="http://schemas.openxmlformats.org/officeDocument/2006/relationships/image" Target="../media/image4.emf"/><Relationship Id="rId9" Type="http://schemas.openxmlformats.org/officeDocument/2006/relationships/image" Target="../media/image9.emf"/><Relationship Id="rId14" Type="http://schemas.openxmlformats.org/officeDocument/2006/relationships/image" Target="../media/image14.png"/></Relationships>
</file>

<file path=xl/drawing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jpeg"/><Relationship Id="rId13" Type="http://schemas.openxmlformats.org/officeDocument/2006/relationships/image" Target="../media/image7.emf"/><Relationship Id="rId18" Type="http://schemas.openxmlformats.org/officeDocument/2006/relationships/image" Target="../media/image4.emf"/><Relationship Id="rId3" Type="http://schemas.openxmlformats.org/officeDocument/2006/relationships/image" Target="../media/image3.jpeg"/><Relationship Id="rId21" Type="http://schemas.openxmlformats.org/officeDocument/2006/relationships/image" Target="../media/image22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17" Type="http://schemas.openxmlformats.org/officeDocument/2006/relationships/image" Target="../media/image9.emf"/><Relationship Id="rId2" Type="http://schemas.openxmlformats.org/officeDocument/2006/relationships/image" Target="../media/image2.jpeg"/><Relationship Id="rId16" Type="http://schemas.openxmlformats.org/officeDocument/2006/relationships/image" Target="../media/image19.png"/><Relationship Id="rId20" Type="http://schemas.openxmlformats.org/officeDocument/2006/relationships/image" Target="../media/image21.png"/><Relationship Id="rId1" Type="http://schemas.openxmlformats.org/officeDocument/2006/relationships/image" Target="../media/image1.jpeg"/><Relationship Id="rId6" Type="http://schemas.openxmlformats.org/officeDocument/2006/relationships/image" Target="../media/image11.png"/><Relationship Id="rId11" Type="http://schemas.openxmlformats.org/officeDocument/2006/relationships/image" Target="../media/image20.jpeg"/><Relationship Id="rId5" Type="http://schemas.openxmlformats.org/officeDocument/2006/relationships/image" Target="../media/image6.jpeg"/><Relationship Id="rId15" Type="http://schemas.openxmlformats.org/officeDocument/2006/relationships/image" Target="../media/image8.emf"/><Relationship Id="rId10" Type="http://schemas.openxmlformats.org/officeDocument/2006/relationships/image" Target="../media/image14.png"/><Relationship Id="rId19" Type="http://schemas.openxmlformats.org/officeDocument/2006/relationships/image" Target="../media/image10.emf"/><Relationship Id="rId4" Type="http://schemas.openxmlformats.org/officeDocument/2006/relationships/image" Target="../media/image5.jpeg"/><Relationship Id="rId9" Type="http://schemas.openxmlformats.org/officeDocument/2006/relationships/image" Target="../media/image15.jpeg"/><Relationship Id="rId14" Type="http://schemas.openxmlformats.org/officeDocument/2006/relationships/image" Target="../media/image18.jpeg"/><Relationship Id="rId22" Type="http://schemas.openxmlformats.org/officeDocument/2006/relationships/image" Target="../media/image23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24765</xdr:colOff>
      <xdr:row>0</xdr:row>
      <xdr:rowOff>0</xdr:rowOff>
    </xdr:from>
    <xdr:to>
      <xdr:col>0</xdr:col>
      <xdr:colOff>1143000</xdr:colOff>
      <xdr:row>0</xdr:row>
      <xdr:rowOff>1027467</xdr:rowOff>
    </xdr:to>
    <xdr:pic>
      <xdr:nvPicPr>
        <xdr:cNvPr id="8" name="image5.jpeg">
          <a:extLst>
            <a:ext uri="{FF2B5EF4-FFF2-40B4-BE49-F238E27FC236}">
              <a16:creationId xmlns:a16="http://schemas.microsoft.com/office/drawing/2014/main" id="{B2103A51-5C31-4EE6-9EB0-CBFF2C2F1A1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24765" y="0"/>
          <a:ext cx="1118235" cy="1027467"/>
        </a:xfrm>
        <a:prstGeom prst="rect">
          <a:avLst/>
        </a:prstGeom>
      </xdr:spPr>
    </xdr:pic>
    <xdr:clientData/>
  </xdr:twoCellAnchor>
  <xdr:twoCellAnchor editAs="oneCell">
    <xdr:from>
      <xdr:col>2</xdr:col>
      <xdr:colOff>3114675</xdr:colOff>
      <xdr:row>0</xdr:row>
      <xdr:rowOff>1</xdr:rowOff>
    </xdr:from>
    <xdr:to>
      <xdr:col>2</xdr:col>
      <xdr:colOff>3818975</xdr:colOff>
      <xdr:row>1</xdr:row>
      <xdr:rowOff>1466</xdr:rowOff>
    </xdr:to>
    <xdr:pic>
      <xdr:nvPicPr>
        <xdr:cNvPr id="9" name="image6.jpeg">
          <a:extLst>
            <a:ext uri="{FF2B5EF4-FFF2-40B4-BE49-F238E27FC236}">
              <a16:creationId xmlns:a16="http://schemas.microsoft.com/office/drawing/2014/main" id="{48EE0690-C4EA-4676-AAA7-188377E9E30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7839075" y="1"/>
          <a:ext cx="704300" cy="1033340"/>
        </a:xfrm>
        <a:prstGeom prst="rect">
          <a:avLst/>
        </a:prstGeom>
      </xdr:spPr>
    </xdr:pic>
    <xdr:clientData/>
  </xdr:twoCellAnchor>
  <xdr:twoCellAnchor editAs="oneCell">
    <xdr:from>
      <xdr:col>0</xdr:col>
      <xdr:colOff>125788</xdr:colOff>
      <xdr:row>7</xdr:row>
      <xdr:rowOff>84176</xdr:rowOff>
    </xdr:from>
    <xdr:to>
      <xdr:col>0</xdr:col>
      <xdr:colOff>1528468</xdr:colOff>
      <xdr:row>10</xdr:row>
      <xdr:rowOff>125068</xdr:rowOff>
    </xdr:to>
    <xdr:pic>
      <xdr:nvPicPr>
        <xdr:cNvPr id="11" name="image1.jpeg">
          <a:extLst>
            <a:ext uri="{FF2B5EF4-FFF2-40B4-BE49-F238E27FC236}">
              <a16:creationId xmlns:a16="http://schemas.microsoft.com/office/drawing/2014/main" id="{11B086D5-D2C5-4AD3-9309-A3BE889C397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5788" y="2427326"/>
          <a:ext cx="1402680" cy="649250"/>
        </a:xfrm>
        <a:prstGeom prst="rect">
          <a:avLst/>
        </a:prstGeom>
      </xdr:spPr>
    </xdr:pic>
    <xdr:clientData/>
  </xdr:twoCellAnchor>
  <xdr:twoCellAnchor editAs="oneCell">
    <xdr:from>
      <xdr:col>0</xdr:col>
      <xdr:colOff>278131</xdr:colOff>
      <xdr:row>61</xdr:row>
      <xdr:rowOff>426720</xdr:rowOff>
    </xdr:from>
    <xdr:to>
      <xdr:col>0</xdr:col>
      <xdr:colOff>1219201</xdr:colOff>
      <xdr:row>62</xdr:row>
      <xdr:rowOff>1941</xdr:rowOff>
    </xdr:to>
    <xdr:pic>
      <xdr:nvPicPr>
        <xdr:cNvPr id="4" name="Picture 3">
          <a:extLst>
            <a:ext uri="{FF2B5EF4-FFF2-40B4-BE49-F238E27FC236}">
              <a16:creationId xmlns:a16="http://schemas.microsoft.com/office/drawing/2014/main" id="{397145A8-2069-4FB6-8663-50D4228B7D29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278131" y="19381470"/>
          <a:ext cx="941070" cy="784225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2</xdr:col>
      <xdr:colOff>3143251</xdr:colOff>
      <xdr:row>0</xdr:row>
      <xdr:rowOff>0</xdr:rowOff>
    </xdr:from>
    <xdr:to>
      <xdr:col>2</xdr:col>
      <xdr:colOff>3812379</xdr:colOff>
      <xdr:row>1</xdr:row>
      <xdr:rowOff>2898</xdr:rowOff>
    </xdr:to>
    <xdr:pic>
      <xdr:nvPicPr>
        <xdr:cNvPr id="44" name="image6.jpeg">
          <a:extLst>
            <a:ext uri="{FF2B5EF4-FFF2-40B4-BE49-F238E27FC236}">
              <a16:creationId xmlns:a16="http://schemas.microsoft.com/office/drawing/2014/main" id="{34858D23-EACA-4BC2-B72D-764C1C66FA1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7400926" y="0"/>
          <a:ext cx="669128" cy="1041123"/>
        </a:xfrm>
        <a:prstGeom prst="rect">
          <a:avLst/>
        </a:prstGeom>
      </xdr:spPr>
    </xdr:pic>
    <xdr:clientData/>
  </xdr:twoCellAnchor>
  <xdr:twoCellAnchor editAs="oneCell">
    <xdr:from>
      <xdr:col>0</xdr:col>
      <xdr:colOff>63446</xdr:colOff>
      <xdr:row>19</xdr:row>
      <xdr:rowOff>192475</xdr:rowOff>
    </xdr:from>
    <xdr:to>
      <xdr:col>0</xdr:col>
      <xdr:colOff>1436420</xdr:colOff>
      <xdr:row>20</xdr:row>
      <xdr:rowOff>472110</xdr:rowOff>
    </xdr:to>
    <xdr:pic>
      <xdr:nvPicPr>
        <xdr:cNvPr id="46" name="image2.jpeg">
          <a:extLst>
            <a:ext uri="{FF2B5EF4-FFF2-40B4-BE49-F238E27FC236}">
              <a16:creationId xmlns:a16="http://schemas.microsoft.com/office/drawing/2014/main" id="{D0444E17-F017-40B9-9ECD-F89631B67AB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63446" y="5050225"/>
          <a:ext cx="1372974" cy="483387"/>
        </a:xfrm>
        <a:prstGeom prst="rect">
          <a:avLst/>
        </a:prstGeom>
      </xdr:spPr>
    </xdr:pic>
    <xdr:clientData/>
  </xdr:twoCellAnchor>
  <xdr:twoCellAnchor editAs="oneCell">
    <xdr:from>
      <xdr:col>0</xdr:col>
      <xdr:colOff>154306</xdr:colOff>
      <xdr:row>26</xdr:row>
      <xdr:rowOff>26857</xdr:rowOff>
    </xdr:from>
    <xdr:to>
      <xdr:col>0</xdr:col>
      <xdr:colOff>1466610</xdr:colOff>
      <xdr:row>27</xdr:row>
      <xdr:rowOff>289891</xdr:rowOff>
    </xdr:to>
    <xdr:pic>
      <xdr:nvPicPr>
        <xdr:cNvPr id="47" name="image3.jpeg">
          <a:extLst>
            <a:ext uri="{FF2B5EF4-FFF2-40B4-BE49-F238E27FC236}">
              <a16:creationId xmlns:a16="http://schemas.microsoft.com/office/drawing/2014/main" id="{D1B05280-1BD9-440A-A994-E857849CED9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54306" y="6294307"/>
          <a:ext cx="1312304" cy="463059"/>
        </a:xfrm>
        <a:prstGeom prst="rect">
          <a:avLst/>
        </a:prstGeom>
      </xdr:spPr>
    </xdr:pic>
    <xdr:clientData/>
  </xdr:twoCellAnchor>
  <xdr:twoCellAnchor editAs="oneCell">
    <xdr:from>
      <xdr:col>0</xdr:col>
      <xdr:colOff>59057</xdr:colOff>
      <xdr:row>69</xdr:row>
      <xdr:rowOff>115956</xdr:rowOff>
    </xdr:from>
    <xdr:to>
      <xdr:col>0</xdr:col>
      <xdr:colOff>771525</xdr:colOff>
      <xdr:row>73</xdr:row>
      <xdr:rowOff>68772</xdr:rowOff>
    </xdr:to>
    <xdr:pic>
      <xdr:nvPicPr>
        <xdr:cNvPr id="55" name="Picture 54">
          <a:extLst>
            <a:ext uri="{FF2B5EF4-FFF2-40B4-BE49-F238E27FC236}">
              <a16:creationId xmlns:a16="http://schemas.microsoft.com/office/drawing/2014/main" id="{A044CCB3-CE47-42AC-BBFE-212C48AC1BA0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59057" y="17650239"/>
          <a:ext cx="712468" cy="741841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316397</xdr:colOff>
      <xdr:row>86</xdr:row>
      <xdr:rowOff>88541</xdr:rowOff>
    </xdr:from>
    <xdr:to>
      <xdr:col>0</xdr:col>
      <xdr:colOff>1312543</xdr:colOff>
      <xdr:row>89</xdr:row>
      <xdr:rowOff>56736</xdr:rowOff>
    </xdr:to>
    <xdr:pic>
      <xdr:nvPicPr>
        <xdr:cNvPr id="57" name="Picture 56">
          <a:extLst>
            <a:ext uri="{FF2B5EF4-FFF2-40B4-BE49-F238E27FC236}">
              <a16:creationId xmlns:a16="http://schemas.microsoft.com/office/drawing/2014/main" id="{2C2DE9FA-091D-4A66-B5A2-9B69FC169854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316397" y="25396466"/>
          <a:ext cx="996146" cy="701620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1026215</xdr:colOff>
      <xdr:row>69</xdr:row>
      <xdr:rowOff>124240</xdr:rowOff>
    </xdr:from>
    <xdr:to>
      <xdr:col>0</xdr:col>
      <xdr:colOff>1473890</xdr:colOff>
      <xdr:row>73</xdr:row>
      <xdr:rowOff>70709</xdr:rowOff>
    </xdr:to>
    <xdr:pic>
      <xdr:nvPicPr>
        <xdr:cNvPr id="59" name="Picture 58">
          <a:extLst>
            <a:ext uri="{FF2B5EF4-FFF2-40B4-BE49-F238E27FC236}">
              <a16:creationId xmlns:a16="http://schemas.microsoft.com/office/drawing/2014/main" id="{EB4A2CC2-F6DE-4498-85E6-623C312980EB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9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1026215" y="17658523"/>
          <a:ext cx="447675" cy="735494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605873</xdr:colOff>
      <xdr:row>66</xdr:row>
      <xdr:rowOff>482221</xdr:rowOff>
    </xdr:from>
    <xdr:to>
      <xdr:col>0</xdr:col>
      <xdr:colOff>981074</xdr:colOff>
      <xdr:row>66</xdr:row>
      <xdr:rowOff>1543050</xdr:rowOff>
    </xdr:to>
    <xdr:pic>
      <xdr:nvPicPr>
        <xdr:cNvPr id="61" name="Picture 60">
          <a:extLst>
            <a:ext uri="{FF2B5EF4-FFF2-40B4-BE49-F238E27FC236}">
              <a16:creationId xmlns:a16="http://schemas.microsoft.com/office/drawing/2014/main" id="{86DEAD34-62AC-4DFC-9C99-171C712F0F3C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0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605873" y="15922246"/>
          <a:ext cx="375201" cy="1060829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104775</xdr:colOff>
      <xdr:row>32</xdr:row>
      <xdr:rowOff>123825</xdr:rowOff>
    </xdr:from>
    <xdr:to>
      <xdr:col>0</xdr:col>
      <xdr:colOff>1330601</xdr:colOff>
      <xdr:row>33</xdr:row>
      <xdr:rowOff>120145</xdr:rowOff>
    </xdr:to>
    <xdr:pic>
      <xdr:nvPicPr>
        <xdr:cNvPr id="65" name="Picture 64">
          <a:extLst>
            <a:ext uri="{FF2B5EF4-FFF2-40B4-BE49-F238E27FC236}">
              <a16:creationId xmlns:a16="http://schemas.microsoft.com/office/drawing/2014/main" id="{8B695832-0FEA-41CA-9CD7-56E7EF14DBC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"/>
        <a:stretch>
          <a:fillRect/>
        </a:stretch>
      </xdr:blipFill>
      <xdr:spPr>
        <a:xfrm>
          <a:off x="104775" y="8020050"/>
          <a:ext cx="1225826" cy="491622"/>
        </a:xfrm>
        <a:prstGeom prst="rect">
          <a:avLst/>
        </a:prstGeom>
      </xdr:spPr>
    </xdr:pic>
    <xdr:clientData/>
  </xdr:twoCellAnchor>
  <xdr:twoCellAnchor editAs="oneCell">
    <xdr:from>
      <xdr:col>0</xdr:col>
      <xdr:colOff>78270</xdr:colOff>
      <xdr:row>37</xdr:row>
      <xdr:rowOff>48868</xdr:rowOff>
    </xdr:from>
    <xdr:to>
      <xdr:col>0</xdr:col>
      <xdr:colOff>1458567</xdr:colOff>
      <xdr:row>39</xdr:row>
      <xdr:rowOff>91764</xdr:rowOff>
    </xdr:to>
    <xdr:pic>
      <xdr:nvPicPr>
        <xdr:cNvPr id="66" name="Picture 65">
          <a:extLst>
            <a:ext uri="{FF2B5EF4-FFF2-40B4-BE49-F238E27FC236}">
              <a16:creationId xmlns:a16="http://schemas.microsoft.com/office/drawing/2014/main" id="{6A2AF328-44FF-478C-856E-8671ECFF8B7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"/>
        <a:stretch>
          <a:fillRect/>
        </a:stretch>
      </xdr:blipFill>
      <xdr:spPr>
        <a:xfrm>
          <a:off x="78270" y="9451285"/>
          <a:ext cx="1380297" cy="440464"/>
        </a:xfrm>
        <a:prstGeom prst="rect">
          <a:avLst/>
        </a:prstGeom>
      </xdr:spPr>
    </xdr:pic>
    <xdr:clientData/>
  </xdr:twoCellAnchor>
  <xdr:twoCellAnchor editAs="oneCell">
    <xdr:from>
      <xdr:col>0</xdr:col>
      <xdr:colOff>66675</xdr:colOff>
      <xdr:row>42</xdr:row>
      <xdr:rowOff>180975</xdr:rowOff>
    </xdr:from>
    <xdr:to>
      <xdr:col>0</xdr:col>
      <xdr:colOff>1509588</xdr:colOff>
      <xdr:row>45</xdr:row>
      <xdr:rowOff>77219</xdr:rowOff>
    </xdr:to>
    <xdr:pic>
      <xdr:nvPicPr>
        <xdr:cNvPr id="67" name="image4.jpeg">
          <a:extLst>
            <a:ext uri="{FF2B5EF4-FFF2-40B4-BE49-F238E27FC236}">
              <a16:creationId xmlns:a16="http://schemas.microsoft.com/office/drawing/2014/main" id="{0B6E4362-8E34-4183-8341-39390BC734A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66675" y="10191750"/>
          <a:ext cx="1442913" cy="496319"/>
        </a:xfrm>
        <a:prstGeom prst="rect">
          <a:avLst/>
        </a:prstGeom>
      </xdr:spPr>
    </xdr:pic>
    <xdr:clientData/>
  </xdr:twoCellAnchor>
  <xdr:twoCellAnchor editAs="oneCell">
    <xdr:from>
      <xdr:col>0</xdr:col>
      <xdr:colOff>59635</xdr:colOff>
      <xdr:row>54</xdr:row>
      <xdr:rowOff>111813</xdr:rowOff>
    </xdr:from>
    <xdr:to>
      <xdr:col>0</xdr:col>
      <xdr:colOff>1146313</xdr:colOff>
      <xdr:row>55</xdr:row>
      <xdr:rowOff>162587</xdr:rowOff>
    </xdr:to>
    <xdr:pic>
      <xdr:nvPicPr>
        <xdr:cNvPr id="68" name="Picture 67">
          <a:extLst>
            <a:ext uri="{FF2B5EF4-FFF2-40B4-BE49-F238E27FC236}">
              <a16:creationId xmlns:a16="http://schemas.microsoft.com/office/drawing/2014/main" id="{1948E7B4-A014-4212-A3CE-7F579C36479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"/>
        <a:stretch>
          <a:fillRect/>
        </a:stretch>
      </xdr:blipFill>
      <xdr:spPr>
        <a:xfrm flipV="1">
          <a:off x="59635" y="13007835"/>
          <a:ext cx="1086678" cy="224709"/>
        </a:xfrm>
        <a:prstGeom prst="rect">
          <a:avLst/>
        </a:prstGeom>
      </xdr:spPr>
    </xdr:pic>
    <xdr:clientData/>
  </xdr:twoCellAnchor>
  <xdr:twoCellAnchor editAs="oneCell">
    <xdr:from>
      <xdr:col>0</xdr:col>
      <xdr:colOff>275396</xdr:colOff>
      <xdr:row>55</xdr:row>
      <xdr:rowOff>238126</xdr:rowOff>
    </xdr:from>
    <xdr:to>
      <xdr:col>0</xdr:col>
      <xdr:colOff>1362488</xdr:colOff>
      <xdr:row>57</xdr:row>
      <xdr:rowOff>35362</xdr:rowOff>
    </xdr:to>
    <xdr:pic>
      <xdr:nvPicPr>
        <xdr:cNvPr id="69" name="image12.jpeg">
          <a:extLst>
            <a:ext uri="{FF2B5EF4-FFF2-40B4-BE49-F238E27FC236}">
              <a16:creationId xmlns:a16="http://schemas.microsoft.com/office/drawing/2014/main" id="{FCC4176E-BA01-4F4F-ABEB-20F6F7DB6AC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275396" y="13597974"/>
          <a:ext cx="1087092" cy="372048"/>
        </a:xfrm>
        <a:prstGeom prst="rect">
          <a:avLst/>
        </a:prstGeom>
      </xdr:spPr>
    </xdr:pic>
    <xdr:clientData/>
  </xdr:twoCellAnchor>
  <xdr:twoCellAnchor editAs="oneCell">
    <xdr:from>
      <xdr:col>0</xdr:col>
      <xdr:colOff>228600</xdr:colOff>
      <xdr:row>59</xdr:row>
      <xdr:rowOff>0</xdr:rowOff>
    </xdr:from>
    <xdr:to>
      <xdr:col>0</xdr:col>
      <xdr:colOff>1215335</xdr:colOff>
      <xdr:row>61</xdr:row>
      <xdr:rowOff>18771</xdr:rowOff>
    </xdr:to>
    <xdr:pic>
      <xdr:nvPicPr>
        <xdr:cNvPr id="70" name="image13.jpeg">
          <a:extLst>
            <a:ext uri="{FF2B5EF4-FFF2-40B4-BE49-F238E27FC236}">
              <a16:creationId xmlns:a16="http://schemas.microsoft.com/office/drawing/2014/main" id="{9E290433-2260-4310-85EB-EBA70E1E27A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228600" y="14239875"/>
          <a:ext cx="986735" cy="418818"/>
        </a:xfrm>
        <a:prstGeom prst="rect">
          <a:avLst/>
        </a:prstGeom>
      </xdr:spPr>
    </xdr:pic>
    <xdr:clientData/>
  </xdr:twoCellAnchor>
  <xdr:twoCellAnchor editAs="oneCell">
    <xdr:from>
      <xdr:col>0</xdr:col>
      <xdr:colOff>57150</xdr:colOff>
      <xdr:row>63</xdr:row>
      <xdr:rowOff>28575</xdr:rowOff>
    </xdr:from>
    <xdr:to>
      <xdr:col>0</xdr:col>
      <xdr:colOff>1430381</xdr:colOff>
      <xdr:row>65</xdr:row>
      <xdr:rowOff>144859</xdr:rowOff>
    </xdr:to>
    <xdr:pic>
      <xdr:nvPicPr>
        <xdr:cNvPr id="71" name="Picture 70">
          <a:extLst>
            <a:ext uri="{FF2B5EF4-FFF2-40B4-BE49-F238E27FC236}">
              <a16:creationId xmlns:a16="http://schemas.microsoft.com/office/drawing/2014/main" id="{5F7656CE-118E-45D7-914F-26432EB20B7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"/>
        <a:stretch>
          <a:fillRect/>
        </a:stretch>
      </xdr:blipFill>
      <xdr:spPr>
        <a:xfrm>
          <a:off x="57150" y="15068550"/>
          <a:ext cx="1373231" cy="516335"/>
        </a:xfrm>
        <a:prstGeom prst="rect">
          <a:avLst/>
        </a:prstGeom>
      </xdr:spPr>
    </xdr:pic>
    <xdr:clientData/>
  </xdr:twoCellAnchor>
  <xdr:twoCellAnchor editAs="oneCell">
    <xdr:from>
      <xdr:col>0</xdr:col>
      <xdr:colOff>521804</xdr:colOff>
      <xdr:row>74</xdr:row>
      <xdr:rowOff>472108</xdr:rowOff>
    </xdr:from>
    <xdr:to>
      <xdr:col>0</xdr:col>
      <xdr:colOff>975441</xdr:colOff>
      <xdr:row>74</xdr:row>
      <xdr:rowOff>1192606</xdr:rowOff>
    </xdr:to>
    <xdr:pic>
      <xdr:nvPicPr>
        <xdr:cNvPr id="72" name="Picture 71">
          <a:extLst>
            <a:ext uri="{FF2B5EF4-FFF2-40B4-BE49-F238E27FC236}">
              <a16:creationId xmlns:a16="http://schemas.microsoft.com/office/drawing/2014/main" id="{2D3926A2-E074-42E1-86C0-5FEB51284A73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521804" y="19331608"/>
          <a:ext cx="453637" cy="720498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414131</xdr:colOff>
      <xdr:row>81</xdr:row>
      <xdr:rowOff>173934</xdr:rowOff>
    </xdr:from>
    <xdr:to>
      <xdr:col>0</xdr:col>
      <xdr:colOff>1061278</xdr:colOff>
      <xdr:row>83</xdr:row>
      <xdr:rowOff>315151</xdr:rowOff>
    </xdr:to>
    <xdr:pic>
      <xdr:nvPicPr>
        <xdr:cNvPr id="73" name="image6.jpeg">
          <a:extLst>
            <a:ext uri="{FF2B5EF4-FFF2-40B4-BE49-F238E27FC236}">
              <a16:creationId xmlns:a16="http://schemas.microsoft.com/office/drawing/2014/main" id="{7DAD97CD-0A50-4834-9F56-D08AE0E7B6D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414131" y="21278021"/>
          <a:ext cx="647147" cy="671304"/>
        </a:xfrm>
        <a:prstGeom prst="rect">
          <a:avLst/>
        </a:prstGeom>
      </xdr:spPr>
    </xdr:pic>
    <xdr:clientData/>
  </xdr:twoCellAnchor>
  <xdr:twoCellAnchor editAs="oneCell">
    <xdr:from>
      <xdr:col>0</xdr:col>
      <xdr:colOff>289892</xdr:colOff>
      <xdr:row>91</xdr:row>
      <xdr:rowOff>190500</xdr:rowOff>
    </xdr:from>
    <xdr:to>
      <xdr:col>0</xdr:col>
      <xdr:colOff>1313743</xdr:colOff>
      <xdr:row>95</xdr:row>
      <xdr:rowOff>64271</xdr:rowOff>
    </xdr:to>
    <xdr:pic>
      <xdr:nvPicPr>
        <xdr:cNvPr id="74" name="Picture 73">
          <a:extLst>
            <a:ext uri="{FF2B5EF4-FFF2-40B4-BE49-F238E27FC236}">
              <a16:creationId xmlns:a16="http://schemas.microsoft.com/office/drawing/2014/main" id="{F863D778-EC74-4AAE-A081-D3698F8D7E4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"/>
        <a:stretch>
          <a:fillRect/>
        </a:stretch>
      </xdr:blipFill>
      <xdr:spPr>
        <a:xfrm>
          <a:off x="289892" y="23829065"/>
          <a:ext cx="1023851" cy="668903"/>
        </a:xfrm>
        <a:prstGeom prst="rect">
          <a:avLst/>
        </a:prstGeom>
      </xdr:spPr>
    </xdr:pic>
    <xdr:clientData/>
  </xdr:twoCellAnchor>
</xdr:wsDr>
</file>

<file path=xl/drawings/drawing2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15240</xdr:colOff>
      <xdr:row>0</xdr:row>
      <xdr:rowOff>1</xdr:rowOff>
    </xdr:from>
    <xdr:to>
      <xdr:col>0</xdr:col>
      <xdr:colOff>942975</xdr:colOff>
      <xdr:row>1</xdr:row>
      <xdr:rowOff>6507</xdr:rowOff>
    </xdr:to>
    <xdr:pic>
      <xdr:nvPicPr>
        <xdr:cNvPr id="40" name="image5.jpeg">
          <a:extLst>
            <a:ext uri="{FF2B5EF4-FFF2-40B4-BE49-F238E27FC236}">
              <a16:creationId xmlns:a16="http://schemas.microsoft.com/office/drawing/2014/main" id="{A3CAC0DE-C72B-4379-8781-5FA6C053C2C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5240" y="1"/>
          <a:ext cx="927735" cy="1044731"/>
        </a:xfrm>
        <a:prstGeom prst="rect">
          <a:avLst/>
        </a:prstGeom>
      </xdr:spPr>
    </xdr:pic>
    <xdr:clientData/>
  </xdr:twoCellAnchor>
  <xdr:twoCellAnchor editAs="oneCell">
    <xdr:from>
      <xdr:col>2</xdr:col>
      <xdr:colOff>3143251</xdr:colOff>
      <xdr:row>0</xdr:row>
      <xdr:rowOff>0</xdr:rowOff>
    </xdr:from>
    <xdr:to>
      <xdr:col>2</xdr:col>
      <xdr:colOff>3812379</xdr:colOff>
      <xdr:row>1</xdr:row>
      <xdr:rowOff>2898</xdr:rowOff>
    </xdr:to>
    <xdr:pic>
      <xdr:nvPicPr>
        <xdr:cNvPr id="41" name="image6.jpeg">
          <a:extLst>
            <a:ext uri="{FF2B5EF4-FFF2-40B4-BE49-F238E27FC236}">
              <a16:creationId xmlns:a16="http://schemas.microsoft.com/office/drawing/2014/main" id="{27534A8F-DB96-469F-BA51-0AB9C97640A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7934326" y="0"/>
          <a:ext cx="669128" cy="1038224"/>
        </a:xfrm>
        <a:prstGeom prst="rect">
          <a:avLst/>
        </a:prstGeom>
      </xdr:spPr>
    </xdr:pic>
    <xdr:clientData/>
  </xdr:twoCellAnchor>
  <xdr:twoCellAnchor editAs="oneCell">
    <xdr:from>
      <xdr:col>0</xdr:col>
      <xdr:colOff>125789</xdr:colOff>
      <xdr:row>7</xdr:row>
      <xdr:rowOff>84176</xdr:rowOff>
    </xdr:from>
    <xdr:to>
      <xdr:col>0</xdr:col>
      <xdr:colOff>1366631</xdr:colOff>
      <xdr:row>9</xdr:row>
      <xdr:rowOff>176390</xdr:rowOff>
    </xdr:to>
    <xdr:pic>
      <xdr:nvPicPr>
        <xdr:cNvPr id="42" name="image1.jpeg">
          <a:extLst>
            <a:ext uri="{FF2B5EF4-FFF2-40B4-BE49-F238E27FC236}">
              <a16:creationId xmlns:a16="http://schemas.microsoft.com/office/drawing/2014/main" id="{08CFF66B-BFD6-4012-B3EE-F93ED63ADEA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5789" y="2419872"/>
          <a:ext cx="1240842" cy="489779"/>
        </a:xfrm>
        <a:prstGeom prst="rect">
          <a:avLst/>
        </a:prstGeom>
      </xdr:spPr>
    </xdr:pic>
    <xdr:clientData/>
  </xdr:twoCellAnchor>
  <xdr:twoCellAnchor editAs="oneCell">
    <xdr:from>
      <xdr:col>0</xdr:col>
      <xdr:colOff>63446</xdr:colOff>
      <xdr:row>19</xdr:row>
      <xdr:rowOff>59953</xdr:rowOff>
    </xdr:from>
    <xdr:to>
      <xdr:col>0</xdr:col>
      <xdr:colOff>1436420</xdr:colOff>
      <xdr:row>21</xdr:row>
      <xdr:rowOff>8698</xdr:rowOff>
    </xdr:to>
    <xdr:pic>
      <xdr:nvPicPr>
        <xdr:cNvPr id="43" name="image2.jpeg">
          <a:extLst>
            <a:ext uri="{FF2B5EF4-FFF2-40B4-BE49-F238E27FC236}">
              <a16:creationId xmlns:a16="http://schemas.microsoft.com/office/drawing/2014/main" id="{FAAD06AA-AD14-4BE2-BABA-518FBD09555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63446" y="5352540"/>
          <a:ext cx="1372974" cy="478418"/>
        </a:xfrm>
        <a:prstGeom prst="rect">
          <a:avLst/>
        </a:prstGeom>
      </xdr:spPr>
    </xdr:pic>
    <xdr:clientData/>
  </xdr:twoCellAnchor>
  <xdr:twoCellAnchor editAs="oneCell">
    <xdr:from>
      <xdr:col>0</xdr:col>
      <xdr:colOff>179154</xdr:colOff>
      <xdr:row>24</xdr:row>
      <xdr:rowOff>109683</xdr:rowOff>
    </xdr:from>
    <xdr:to>
      <xdr:col>0</xdr:col>
      <xdr:colOff>1491458</xdr:colOff>
      <xdr:row>26</xdr:row>
      <xdr:rowOff>173935</xdr:rowOff>
    </xdr:to>
    <xdr:pic>
      <xdr:nvPicPr>
        <xdr:cNvPr id="44" name="image3.jpeg">
          <a:extLst>
            <a:ext uri="{FF2B5EF4-FFF2-40B4-BE49-F238E27FC236}">
              <a16:creationId xmlns:a16="http://schemas.microsoft.com/office/drawing/2014/main" id="{1C1B1DA2-253D-42C2-BC5E-C1E4C8E1C82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79154" y="6404466"/>
          <a:ext cx="1312304" cy="461817"/>
        </a:xfrm>
        <a:prstGeom prst="rect">
          <a:avLst/>
        </a:prstGeom>
      </xdr:spPr>
    </xdr:pic>
    <xdr:clientData/>
  </xdr:twoCellAnchor>
  <xdr:twoCellAnchor editAs="oneCell">
    <xdr:from>
      <xdr:col>0</xdr:col>
      <xdr:colOff>167309</xdr:colOff>
      <xdr:row>47</xdr:row>
      <xdr:rowOff>69990</xdr:rowOff>
    </xdr:from>
    <xdr:to>
      <xdr:col>0</xdr:col>
      <xdr:colOff>1393135</xdr:colOff>
      <xdr:row>48</xdr:row>
      <xdr:rowOff>64654</xdr:rowOff>
    </xdr:to>
    <xdr:pic>
      <xdr:nvPicPr>
        <xdr:cNvPr id="45" name="Picture 44">
          <a:extLst>
            <a:ext uri="{FF2B5EF4-FFF2-40B4-BE49-F238E27FC236}">
              <a16:creationId xmlns:a16="http://schemas.microsoft.com/office/drawing/2014/main" id="{D45F3EE2-F0F6-407B-9454-E3D1040E510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"/>
        <a:stretch>
          <a:fillRect/>
        </a:stretch>
      </xdr:blipFill>
      <xdr:spPr>
        <a:xfrm>
          <a:off x="167309" y="11127273"/>
          <a:ext cx="1225826" cy="491622"/>
        </a:xfrm>
        <a:prstGeom prst="rect">
          <a:avLst/>
        </a:prstGeom>
      </xdr:spPr>
    </xdr:pic>
    <xdr:clientData/>
  </xdr:twoCellAnchor>
  <xdr:twoCellAnchor editAs="oneCell">
    <xdr:from>
      <xdr:col>0</xdr:col>
      <xdr:colOff>57563</xdr:colOff>
      <xdr:row>51</xdr:row>
      <xdr:rowOff>49283</xdr:rowOff>
    </xdr:from>
    <xdr:to>
      <xdr:col>0</xdr:col>
      <xdr:colOff>1437860</xdr:colOff>
      <xdr:row>53</xdr:row>
      <xdr:rowOff>94668</xdr:rowOff>
    </xdr:to>
    <xdr:pic>
      <xdr:nvPicPr>
        <xdr:cNvPr id="46" name="Picture 45">
          <a:extLst>
            <a:ext uri="{FF2B5EF4-FFF2-40B4-BE49-F238E27FC236}">
              <a16:creationId xmlns:a16="http://schemas.microsoft.com/office/drawing/2014/main" id="{C5921F82-1048-4687-8A54-B84276B7C5C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"/>
        <a:stretch>
          <a:fillRect/>
        </a:stretch>
      </xdr:blipFill>
      <xdr:spPr>
        <a:xfrm>
          <a:off x="57563" y="12199870"/>
          <a:ext cx="1380297" cy="442949"/>
        </a:xfrm>
        <a:prstGeom prst="rect">
          <a:avLst/>
        </a:prstGeom>
      </xdr:spPr>
    </xdr:pic>
    <xdr:clientData/>
  </xdr:twoCellAnchor>
  <xdr:twoCellAnchor editAs="oneCell">
    <xdr:from>
      <xdr:col>0</xdr:col>
      <xdr:colOff>39673</xdr:colOff>
      <xdr:row>57</xdr:row>
      <xdr:rowOff>159692</xdr:rowOff>
    </xdr:from>
    <xdr:to>
      <xdr:col>0</xdr:col>
      <xdr:colOff>1482586</xdr:colOff>
      <xdr:row>60</xdr:row>
      <xdr:rowOff>59663</xdr:rowOff>
    </xdr:to>
    <xdr:pic>
      <xdr:nvPicPr>
        <xdr:cNvPr id="47" name="image4.jpeg">
          <a:extLst>
            <a:ext uri="{FF2B5EF4-FFF2-40B4-BE49-F238E27FC236}">
              <a16:creationId xmlns:a16="http://schemas.microsoft.com/office/drawing/2014/main" id="{5B36FA20-4B0A-4587-B968-D5445D61CD3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39673" y="13519540"/>
          <a:ext cx="1442913" cy="496319"/>
        </a:xfrm>
        <a:prstGeom prst="rect">
          <a:avLst/>
        </a:prstGeom>
      </xdr:spPr>
    </xdr:pic>
    <xdr:clientData/>
  </xdr:twoCellAnchor>
  <xdr:twoCellAnchor editAs="oneCell">
    <xdr:from>
      <xdr:col>0</xdr:col>
      <xdr:colOff>320953</xdr:colOff>
      <xdr:row>71</xdr:row>
      <xdr:rowOff>100586</xdr:rowOff>
    </xdr:from>
    <xdr:to>
      <xdr:col>0</xdr:col>
      <xdr:colOff>1408045</xdr:colOff>
      <xdr:row>73</xdr:row>
      <xdr:rowOff>89563</xdr:rowOff>
    </xdr:to>
    <xdr:pic>
      <xdr:nvPicPr>
        <xdr:cNvPr id="48" name="image12.jpeg">
          <a:extLst>
            <a:ext uri="{FF2B5EF4-FFF2-40B4-BE49-F238E27FC236}">
              <a16:creationId xmlns:a16="http://schemas.microsoft.com/office/drawing/2014/main" id="{CAEB4A3E-CAE0-4157-AE07-B351D81F80D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320953" y="16897716"/>
          <a:ext cx="1087092" cy="386542"/>
        </a:xfrm>
        <a:prstGeom prst="rect">
          <a:avLst/>
        </a:prstGeom>
      </xdr:spPr>
    </xdr:pic>
    <xdr:clientData/>
  </xdr:twoCellAnchor>
  <xdr:twoCellAnchor editAs="oneCell">
    <xdr:from>
      <xdr:col>0</xdr:col>
      <xdr:colOff>104362</xdr:colOff>
      <xdr:row>70</xdr:row>
      <xdr:rowOff>55078</xdr:rowOff>
    </xdr:from>
    <xdr:to>
      <xdr:col>0</xdr:col>
      <xdr:colOff>1396449</xdr:colOff>
      <xdr:row>71</xdr:row>
      <xdr:rowOff>131764</xdr:rowOff>
    </xdr:to>
    <xdr:pic>
      <xdr:nvPicPr>
        <xdr:cNvPr id="49" name="Picture 48">
          <a:extLst>
            <a:ext uri="{FF2B5EF4-FFF2-40B4-BE49-F238E27FC236}">
              <a16:creationId xmlns:a16="http://schemas.microsoft.com/office/drawing/2014/main" id="{7CA91075-472A-45C1-BCCF-FF9BBF3CF9C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"/>
        <a:stretch>
          <a:fillRect/>
        </a:stretch>
      </xdr:blipFill>
      <xdr:spPr>
        <a:xfrm flipV="1">
          <a:off x="104362" y="16507652"/>
          <a:ext cx="1292087" cy="275468"/>
        </a:xfrm>
        <a:prstGeom prst="rect">
          <a:avLst/>
        </a:prstGeom>
      </xdr:spPr>
    </xdr:pic>
    <xdr:clientData/>
  </xdr:twoCellAnchor>
  <xdr:twoCellAnchor editAs="oneCell">
    <xdr:from>
      <xdr:col>0</xdr:col>
      <xdr:colOff>272222</xdr:colOff>
      <xdr:row>76</xdr:row>
      <xdr:rowOff>22450</xdr:rowOff>
    </xdr:from>
    <xdr:to>
      <xdr:col>0</xdr:col>
      <xdr:colOff>1258957</xdr:colOff>
      <xdr:row>78</xdr:row>
      <xdr:rowOff>43702</xdr:rowOff>
    </xdr:to>
    <xdr:pic>
      <xdr:nvPicPr>
        <xdr:cNvPr id="50" name="image13.jpeg">
          <a:extLst>
            <a:ext uri="{FF2B5EF4-FFF2-40B4-BE49-F238E27FC236}">
              <a16:creationId xmlns:a16="http://schemas.microsoft.com/office/drawing/2014/main" id="{C6E4965E-0D6F-4D09-B5E6-6E495F12241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272222" y="17440776"/>
          <a:ext cx="986735" cy="418818"/>
        </a:xfrm>
        <a:prstGeom prst="rect">
          <a:avLst/>
        </a:prstGeom>
      </xdr:spPr>
    </xdr:pic>
    <xdr:clientData/>
  </xdr:twoCellAnchor>
  <xdr:twoCellAnchor editAs="oneCell">
    <xdr:from>
      <xdr:col>0</xdr:col>
      <xdr:colOff>108918</xdr:colOff>
      <xdr:row>80</xdr:row>
      <xdr:rowOff>13751</xdr:rowOff>
    </xdr:from>
    <xdr:to>
      <xdr:col>0</xdr:col>
      <xdr:colOff>1482149</xdr:colOff>
      <xdr:row>82</xdr:row>
      <xdr:rowOff>132521</xdr:rowOff>
    </xdr:to>
    <xdr:pic>
      <xdr:nvPicPr>
        <xdr:cNvPr id="51" name="Picture 50">
          <a:extLst>
            <a:ext uri="{FF2B5EF4-FFF2-40B4-BE49-F238E27FC236}">
              <a16:creationId xmlns:a16="http://schemas.microsoft.com/office/drawing/2014/main" id="{6E7295B0-C8E2-42ED-8693-CBD2B3390DA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"/>
        <a:stretch>
          <a:fillRect/>
        </a:stretch>
      </xdr:blipFill>
      <xdr:spPr>
        <a:xfrm>
          <a:off x="108918" y="18227208"/>
          <a:ext cx="1373231" cy="516335"/>
        </a:xfrm>
        <a:prstGeom prst="rect">
          <a:avLst/>
        </a:prstGeom>
      </xdr:spPr>
    </xdr:pic>
    <xdr:clientData/>
  </xdr:twoCellAnchor>
  <xdr:twoCellAnchor editAs="oneCell">
    <xdr:from>
      <xdr:col>0</xdr:col>
      <xdr:colOff>75622</xdr:colOff>
      <xdr:row>86</xdr:row>
      <xdr:rowOff>57235</xdr:rowOff>
    </xdr:from>
    <xdr:to>
      <xdr:col>0</xdr:col>
      <xdr:colOff>788090</xdr:colOff>
      <xdr:row>90</xdr:row>
      <xdr:rowOff>71779</xdr:rowOff>
    </xdr:to>
    <xdr:pic>
      <xdr:nvPicPr>
        <xdr:cNvPr id="52" name="Picture 51">
          <a:extLst>
            <a:ext uri="{FF2B5EF4-FFF2-40B4-BE49-F238E27FC236}">
              <a16:creationId xmlns:a16="http://schemas.microsoft.com/office/drawing/2014/main" id="{FB293E2D-9683-489A-8BBE-4D6833F7599A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75622" y="20830018"/>
          <a:ext cx="712468" cy="809674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439807</xdr:colOff>
      <xdr:row>99</xdr:row>
      <xdr:rowOff>40999</xdr:rowOff>
    </xdr:from>
    <xdr:to>
      <xdr:col>0</xdr:col>
      <xdr:colOff>1086954</xdr:colOff>
      <xdr:row>101</xdr:row>
      <xdr:rowOff>182216</xdr:rowOff>
    </xdr:to>
    <xdr:pic>
      <xdr:nvPicPr>
        <xdr:cNvPr id="53" name="image6.jpeg">
          <a:extLst>
            <a:ext uri="{FF2B5EF4-FFF2-40B4-BE49-F238E27FC236}">
              <a16:creationId xmlns:a16="http://schemas.microsoft.com/office/drawing/2014/main" id="{EB9B0A57-BE9E-43A9-B39A-98B1F4CBAC3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439807" y="25683956"/>
          <a:ext cx="647147" cy="684556"/>
        </a:xfrm>
        <a:prstGeom prst="rect">
          <a:avLst/>
        </a:prstGeom>
      </xdr:spPr>
    </xdr:pic>
    <xdr:clientData/>
  </xdr:twoCellAnchor>
  <xdr:twoCellAnchor editAs="oneCell">
    <xdr:from>
      <xdr:col>0</xdr:col>
      <xdr:colOff>316397</xdr:colOff>
      <xdr:row>104</xdr:row>
      <xdr:rowOff>88541</xdr:rowOff>
    </xdr:from>
    <xdr:to>
      <xdr:col>0</xdr:col>
      <xdr:colOff>1312543</xdr:colOff>
      <xdr:row>107</xdr:row>
      <xdr:rowOff>66260</xdr:rowOff>
    </xdr:to>
    <xdr:pic>
      <xdr:nvPicPr>
        <xdr:cNvPr id="54" name="Picture 53">
          <a:extLst>
            <a:ext uri="{FF2B5EF4-FFF2-40B4-BE49-F238E27FC236}">
              <a16:creationId xmlns:a16="http://schemas.microsoft.com/office/drawing/2014/main" id="{892E9856-5F1C-4E3D-B333-6BDD9B361158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316397" y="25872302"/>
          <a:ext cx="996146" cy="698307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280368</xdr:colOff>
      <xdr:row>109</xdr:row>
      <xdr:rowOff>192488</xdr:rowOff>
    </xdr:from>
    <xdr:to>
      <xdr:col>0</xdr:col>
      <xdr:colOff>1304219</xdr:colOff>
      <xdr:row>113</xdr:row>
      <xdr:rowOff>66260</xdr:rowOff>
    </xdr:to>
    <xdr:pic>
      <xdr:nvPicPr>
        <xdr:cNvPr id="55" name="Picture 54">
          <a:extLst>
            <a:ext uri="{FF2B5EF4-FFF2-40B4-BE49-F238E27FC236}">
              <a16:creationId xmlns:a16="http://schemas.microsoft.com/office/drawing/2014/main" id="{4A0D42F7-BB5F-48D3-BEC0-E472309B5D9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"/>
        <a:stretch>
          <a:fillRect/>
        </a:stretch>
      </xdr:blipFill>
      <xdr:spPr>
        <a:xfrm>
          <a:off x="280368" y="27268336"/>
          <a:ext cx="1023851" cy="668903"/>
        </a:xfrm>
        <a:prstGeom prst="rect">
          <a:avLst/>
        </a:prstGeom>
      </xdr:spPr>
    </xdr:pic>
    <xdr:clientData/>
  </xdr:twoCellAnchor>
  <xdr:twoCellAnchor editAs="oneCell">
    <xdr:from>
      <xdr:col>0</xdr:col>
      <xdr:colOff>1026215</xdr:colOff>
      <xdr:row>86</xdr:row>
      <xdr:rowOff>47625</xdr:rowOff>
    </xdr:from>
    <xdr:to>
      <xdr:col>0</xdr:col>
      <xdr:colOff>1473890</xdr:colOff>
      <xdr:row>90</xdr:row>
      <xdr:rowOff>57150</xdr:rowOff>
    </xdr:to>
    <xdr:pic>
      <xdr:nvPicPr>
        <xdr:cNvPr id="56" name="Picture 55">
          <a:extLst>
            <a:ext uri="{FF2B5EF4-FFF2-40B4-BE49-F238E27FC236}">
              <a16:creationId xmlns:a16="http://schemas.microsoft.com/office/drawing/2014/main" id="{4B0F3F5A-0326-480A-B708-B22897DE42F6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7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1026215" y="20820408"/>
          <a:ext cx="447675" cy="804655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556841</xdr:colOff>
      <xdr:row>91</xdr:row>
      <xdr:rowOff>523627</xdr:rowOff>
    </xdr:from>
    <xdr:to>
      <xdr:col>0</xdr:col>
      <xdr:colOff>1010478</xdr:colOff>
      <xdr:row>91</xdr:row>
      <xdr:rowOff>1244125</xdr:rowOff>
    </xdr:to>
    <xdr:pic>
      <xdr:nvPicPr>
        <xdr:cNvPr id="57" name="Picture 56">
          <a:extLst>
            <a:ext uri="{FF2B5EF4-FFF2-40B4-BE49-F238E27FC236}">
              <a16:creationId xmlns:a16="http://schemas.microsoft.com/office/drawing/2014/main" id="{2A311D82-8CBB-40FF-9740-866A44BE18DB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556841" y="22298605"/>
          <a:ext cx="453637" cy="720498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605874</xdr:colOff>
      <xdr:row>83</xdr:row>
      <xdr:rowOff>482221</xdr:rowOff>
    </xdr:from>
    <xdr:to>
      <xdr:col>0</xdr:col>
      <xdr:colOff>910674</xdr:colOff>
      <xdr:row>83</xdr:row>
      <xdr:rowOff>1561644</xdr:rowOff>
    </xdr:to>
    <xdr:pic>
      <xdr:nvPicPr>
        <xdr:cNvPr id="58" name="Picture 57">
          <a:extLst>
            <a:ext uri="{FF2B5EF4-FFF2-40B4-BE49-F238E27FC236}">
              <a16:creationId xmlns:a16="http://schemas.microsoft.com/office/drawing/2014/main" id="{6BD8C69A-E57B-4EE0-AB68-90287A069708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9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605874" y="19292025"/>
          <a:ext cx="304800" cy="1079423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  <xdr:twoCellAnchor editAs="oneCell">
    <xdr:from>
      <xdr:col>0</xdr:col>
      <xdr:colOff>99391</xdr:colOff>
      <xdr:row>44</xdr:row>
      <xdr:rowOff>92351</xdr:rowOff>
    </xdr:from>
    <xdr:to>
      <xdr:col>0</xdr:col>
      <xdr:colOff>1358348</xdr:colOff>
      <xdr:row>45</xdr:row>
      <xdr:rowOff>34024</xdr:rowOff>
    </xdr:to>
    <xdr:pic>
      <xdr:nvPicPr>
        <xdr:cNvPr id="60" name="Picture 59">
          <a:extLst>
            <a:ext uri="{FF2B5EF4-FFF2-40B4-BE49-F238E27FC236}">
              <a16:creationId xmlns:a16="http://schemas.microsoft.com/office/drawing/2014/main" id="{24E5E85C-1789-310D-88F0-1EC486BBB57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"/>
        <a:stretch>
          <a:fillRect/>
        </a:stretch>
      </xdr:blipFill>
      <xdr:spPr>
        <a:xfrm>
          <a:off x="99391" y="10188851"/>
          <a:ext cx="1258957" cy="140457"/>
        </a:xfrm>
        <a:prstGeom prst="rect">
          <a:avLst/>
        </a:prstGeom>
      </xdr:spPr>
    </xdr:pic>
    <xdr:clientData/>
  </xdr:twoCellAnchor>
  <xdr:twoCellAnchor editAs="oneCell">
    <xdr:from>
      <xdr:col>0</xdr:col>
      <xdr:colOff>190500</xdr:colOff>
      <xdr:row>35</xdr:row>
      <xdr:rowOff>53424</xdr:rowOff>
    </xdr:from>
    <xdr:to>
      <xdr:col>0</xdr:col>
      <xdr:colOff>1391478</xdr:colOff>
      <xdr:row>37</xdr:row>
      <xdr:rowOff>160828</xdr:rowOff>
    </xdr:to>
    <xdr:pic>
      <xdr:nvPicPr>
        <xdr:cNvPr id="62" name="Picture 61">
          <a:extLst>
            <a:ext uri="{FF2B5EF4-FFF2-40B4-BE49-F238E27FC236}">
              <a16:creationId xmlns:a16="http://schemas.microsoft.com/office/drawing/2014/main" id="{FA18C4AD-AC68-6774-663D-0B36FFB2760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"/>
        <a:stretch>
          <a:fillRect/>
        </a:stretch>
      </xdr:blipFill>
      <xdr:spPr>
        <a:xfrm>
          <a:off x="190500" y="8360881"/>
          <a:ext cx="1200978" cy="504968"/>
        </a:xfrm>
        <a:prstGeom prst="rect">
          <a:avLst/>
        </a:prstGeom>
      </xdr:spPr>
    </xdr:pic>
    <xdr:clientData/>
  </xdr:twoCellAnchor>
  <xdr:twoCellAnchor editAs="oneCell">
    <xdr:from>
      <xdr:col>0</xdr:col>
      <xdr:colOff>41414</xdr:colOff>
      <xdr:row>39</xdr:row>
      <xdr:rowOff>86553</xdr:rowOff>
    </xdr:from>
    <xdr:to>
      <xdr:col>0</xdr:col>
      <xdr:colOff>1441174</xdr:colOff>
      <xdr:row>41</xdr:row>
      <xdr:rowOff>15851</xdr:rowOff>
    </xdr:to>
    <xdr:pic>
      <xdr:nvPicPr>
        <xdr:cNvPr id="65" name="Picture 64">
          <a:extLst>
            <a:ext uri="{FF2B5EF4-FFF2-40B4-BE49-F238E27FC236}">
              <a16:creationId xmlns:a16="http://schemas.microsoft.com/office/drawing/2014/main" id="{CB0FBAC6-5C5B-9F6F-1B3F-E9FAE307DCA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"/>
        <a:stretch>
          <a:fillRect/>
        </a:stretch>
      </xdr:blipFill>
      <xdr:spPr>
        <a:xfrm>
          <a:off x="41414" y="9189140"/>
          <a:ext cx="1399760" cy="326864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Office Theme">
  <a:themeElements>
    <a:clrScheme name="OSF HealthCare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A2C96C"/>
      </a:accent2>
      <a:accent3>
        <a:srgbClr val="00A9CE"/>
      </a:accent3>
      <a:accent4>
        <a:srgbClr val="80D2E7"/>
      </a:accent4>
      <a:accent5>
        <a:srgbClr val="D5D5D5"/>
      </a:accent5>
      <a:accent6>
        <a:srgbClr val="929292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printerSettings" Target="../printerSettings/printerSettings1.bin"/><Relationship Id="rId2" Type="http://schemas.openxmlformats.org/officeDocument/2006/relationships/hyperlink" Target="https://x.osfhealthcare.org/services/business/system-laboratory/outreach/forms" TargetMode="External"/><Relationship Id="rId1" Type="http://schemas.openxmlformats.org/officeDocument/2006/relationships/hyperlink" Target="https://osfonline.sharepoint.com/sites/testshareddrive/Shared%20Documents/General/Swab%20Charts/Use%20Mayo%20collection%20containers%20only%20and%20fill%20per%20the%20requirements%20found" TargetMode="External"/><Relationship Id="rId6" Type="http://schemas.openxmlformats.org/officeDocument/2006/relationships/comments" Target="../comments1.xml"/><Relationship Id="rId5" Type="http://schemas.openxmlformats.org/officeDocument/2006/relationships/vmlDrawing" Target="../drawings/vmlDrawing1.vml"/><Relationship Id="rId4" Type="http://schemas.openxmlformats.org/officeDocument/2006/relationships/drawing" Target="../drawings/drawing1.xml"/></Relationships>
</file>

<file path=xl/worksheets/_rels/sheet2.xml.rels><?xml version="1.0" encoding="UTF-8" standalone="yes"?>
<Relationships xmlns="http://schemas.openxmlformats.org/package/2006/relationships"><Relationship Id="rId3" Type="http://schemas.openxmlformats.org/officeDocument/2006/relationships/printerSettings" Target="../printerSettings/printerSettings2.bin"/><Relationship Id="rId2" Type="http://schemas.openxmlformats.org/officeDocument/2006/relationships/hyperlink" Target="https://x.osfhealthcare.org/services/business/system-laboratory/outreach/forms" TargetMode="External"/><Relationship Id="rId1" Type="http://schemas.openxmlformats.org/officeDocument/2006/relationships/hyperlink" Target="https://osfonline.sharepoint.com/sites/testshareddrive/Shared%20Documents/General/Swab%20Charts/Use%20Mayo%20collection%20containers%20only%20and%20fill%20per%20the%20requirements%20found" TargetMode="External"/><Relationship Id="rId6" Type="http://schemas.openxmlformats.org/officeDocument/2006/relationships/comments" Target="../comments2.xml"/><Relationship Id="rId5" Type="http://schemas.openxmlformats.org/officeDocument/2006/relationships/vmlDrawing" Target="../drawings/vmlDrawing2.vml"/><Relationship Id="rId4" Type="http://schemas.openxmlformats.org/officeDocument/2006/relationships/drawing" Target="../drawings/drawing2.xml"/></Relationships>
</file>

<file path=xl/worksheets/sheet1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3C2966F-406F-9B47-AE60-F12D0CF0E970}">
  <dimension ref="A1:G102"/>
  <sheetViews>
    <sheetView tabSelected="1" zoomScale="115" zoomScaleNormal="115" workbookViewId="0">
      <selection activeCell="A4" sqref="A4:A17"/>
    </sheetView>
  </sheetViews>
  <sheetFormatPr defaultColWidth="11" defaultRowHeight="15.6" x14ac:dyDescent="0.3"/>
  <cols>
    <col min="1" max="1" width="20.19921875" customWidth="1"/>
    <col min="2" max="2" width="35.59765625" style="2" customWidth="1"/>
    <col min="3" max="3" width="50.19921875" style="2" customWidth="1"/>
    <col min="4" max="4" width="19" customWidth="1"/>
    <col min="6" max="6" width="31" bestFit="1" customWidth="1"/>
    <col min="7" max="7" width="18.5" bestFit="1" customWidth="1"/>
  </cols>
  <sheetData>
    <row r="1" spans="1:7" s="1" customFormat="1" ht="81.75" customHeight="1" x14ac:dyDescent="0.3">
      <c r="A1" s="48" t="s">
        <v>0</v>
      </c>
      <c r="B1" s="49"/>
      <c r="C1" s="49"/>
      <c r="D1" s="49"/>
    </row>
    <row r="2" spans="1:7" ht="15.75" customHeight="1" x14ac:dyDescent="0.3">
      <c r="A2" s="50" t="s">
        <v>1</v>
      </c>
      <c r="B2" s="51"/>
      <c r="C2" s="52"/>
    </row>
    <row r="3" spans="1:7" s="1" customFormat="1" ht="14.25" customHeight="1" x14ac:dyDescent="0.3">
      <c r="A3" s="5" t="s">
        <v>2</v>
      </c>
      <c r="B3" s="5" t="s">
        <v>3</v>
      </c>
      <c r="C3" s="5" t="s">
        <v>4</v>
      </c>
    </row>
    <row r="4" spans="1:7" ht="15" customHeight="1" x14ac:dyDescent="0.3">
      <c r="A4" s="42" t="s">
        <v>5</v>
      </c>
      <c r="B4" s="6" t="s">
        <v>6</v>
      </c>
      <c r="C4" s="7" t="s">
        <v>7</v>
      </c>
    </row>
    <row r="5" spans="1:7" ht="27" x14ac:dyDescent="0.3">
      <c r="A5" s="42"/>
      <c r="B5" s="7" t="s">
        <v>8</v>
      </c>
      <c r="C5" s="7" t="s">
        <v>9</v>
      </c>
    </row>
    <row r="6" spans="1:7" x14ac:dyDescent="0.3">
      <c r="A6" s="42"/>
      <c r="B6" s="7" t="s">
        <v>10</v>
      </c>
      <c r="C6" s="7" t="s">
        <v>7</v>
      </c>
    </row>
    <row r="7" spans="1:7" ht="15" customHeight="1" x14ac:dyDescent="0.3">
      <c r="A7" s="42"/>
      <c r="B7" s="7" t="s">
        <v>11</v>
      </c>
      <c r="C7" s="7" t="s">
        <v>7</v>
      </c>
    </row>
    <row r="8" spans="1:7" ht="16.5" customHeight="1" x14ac:dyDescent="0.3">
      <c r="A8" s="42"/>
      <c r="B8" s="7" t="s">
        <v>14</v>
      </c>
      <c r="C8" s="7" t="s">
        <v>15</v>
      </c>
      <c r="F8" s="7" t="s">
        <v>14</v>
      </c>
      <c r="G8" s="7" t="s">
        <v>15</v>
      </c>
    </row>
    <row r="9" spans="1:7" x14ac:dyDescent="0.3">
      <c r="A9" s="42"/>
      <c r="B9" s="7" t="s">
        <v>12</v>
      </c>
      <c r="C9" s="7" t="s">
        <v>13</v>
      </c>
    </row>
    <row r="10" spans="1:7" x14ac:dyDescent="0.3">
      <c r="A10" s="42"/>
      <c r="B10" s="7" t="s">
        <v>16</v>
      </c>
      <c r="C10" s="7" t="s">
        <v>17</v>
      </c>
    </row>
    <row r="11" spans="1:7" x14ac:dyDescent="0.3">
      <c r="A11" s="42"/>
      <c r="B11" s="7" t="s">
        <v>18</v>
      </c>
      <c r="C11" s="7" t="s">
        <v>17</v>
      </c>
    </row>
    <row r="12" spans="1:7" x14ac:dyDescent="0.3">
      <c r="A12" s="42"/>
      <c r="B12" s="7" t="s">
        <v>19</v>
      </c>
      <c r="C12" s="7" t="s">
        <v>20</v>
      </c>
    </row>
    <row r="13" spans="1:7" x14ac:dyDescent="0.3">
      <c r="A13" s="42"/>
      <c r="B13" s="7" t="s">
        <v>21</v>
      </c>
      <c r="C13" s="7" t="s">
        <v>22</v>
      </c>
    </row>
    <row r="14" spans="1:7" ht="40.200000000000003" x14ac:dyDescent="0.3">
      <c r="A14" s="42"/>
      <c r="B14" s="7" t="s">
        <v>128</v>
      </c>
      <c r="C14" s="7" t="s">
        <v>24</v>
      </c>
    </row>
    <row r="15" spans="1:7" x14ac:dyDescent="0.3">
      <c r="A15" s="42"/>
      <c r="B15" s="7" t="s">
        <v>127</v>
      </c>
      <c r="C15" s="7" t="s">
        <v>7</v>
      </c>
    </row>
    <row r="16" spans="1:7" x14ac:dyDescent="0.3">
      <c r="A16" s="42"/>
      <c r="B16" s="7" t="s">
        <v>26</v>
      </c>
      <c r="C16" s="7" t="s">
        <v>27</v>
      </c>
    </row>
    <row r="17" spans="1:3" ht="17.25" customHeight="1" thickBot="1" x14ac:dyDescent="0.35">
      <c r="A17" s="47"/>
      <c r="B17" s="28" t="s">
        <v>28</v>
      </c>
      <c r="C17" s="28" t="s">
        <v>27</v>
      </c>
    </row>
    <row r="18" spans="1:3" ht="16.5" customHeight="1" thickTop="1" x14ac:dyDescent="0.3">
      <c r="A18" s="46" t="s">
        <v>29</v>
      </c>
      <c r="B18" s="11" t="s">
        <v>30</v>
      </c>
      <c r="C18" s="11" t="s">
        <v>31</v>
      </c>
    </row>
    <row r="19" spans="1:3" x14ac:dyDescent="0.3">
      <c r="A19" s="42"/>
      <c r="B19" s="7" t="s">
        <v>32</v>
      </c>
      <c r="C19" s="7" t="s">
        <v>15</v>
      </c>
    </row>
    <row r="20" spans="1:3" x14ac:dyDescent="0.3">
      <c r="A20" s="42"/>
      <c r="B20" s="7" t="s">
        <v>33</v>
      </c>
      <c r="C20" s="7" t="s">
        <v>7</v>
      </c>
    </row>
    <row r="21" spans="1:3" ht="39" customHeight="1" x14ac:dyDescent="0.3">
      <c r="A21" s="42"/>
      <c r="B21" s="7" t="s">
        <v>34</v>
      </c>
      <c r="C21" s="7" t="s">
        <v>35</v>
      </c>
    </row>
    <row r="22" spans="1:3" x14ac:dyDescent="0.3">
      <c r="A22" s="42"/>
      <c r="B22" s="7" t="s">
        <v>36</v>
      </c>
      <c r="C22" s="7" t="s">
        <v>37</v>
      </c>
    </row>
    <row r="23" spans="1:3" x14ac:dyDescent="0.3">
      <c r="A23" s="42"/>
      <c r="B23" s="7" t="s">
        <v>38</v>
      </c>
      <c r="C23" s="7" t="s">
        <v>39</v>
      </c>
    </row>
    <row r="24" spans="1:3" x14ac:dyDescent="0.3">
      <c r="A24" s="42"/>
      <c r="B24" s="7" t="s">
        <v>40</v>
      </c>
      <c r="C24" s="7" t="s">
        <v>39</v>
      </c>
    </row>
    <row r="25" spans="1:3" x14ac:dyDescent="0.3">
      <c r="A25" s="42"/>
      <c r="B25" s="7" t="s">
        <v>41</v>
      </c>
      <c r="C25" s="7" t="s">
        <v>42</v>
      </c>
    </row>
    <row r="26" spans="1:3" x14ac:dyDescent="0.3">
      <c r="A26" s="42"/>
      <c r="B26" s="7" t="s">
        <v>43</v>
      </c>
      <c r="C26" s="7" t="s">
        <v>17</v>
      </c>
    </row>
    <row r="27" spans="1:3" x14ac:dyDescent="0.3">
      <c r="A27" s="42"/>
      <c r="B27" s="7" t="s">
        <v>44</v>
      </c>
      <c r="C27" s="20" t="s">
        <v>45</v>
      </c>
    </row>
    <row r="28" spans="1:3" ht="27" x14ac:dyDescent="0.3">
      <c r="A28" s="42"/>
      <c r="B28" s="7" t="s">
        <v>23</v>
      </c>
      <c r="C28" s="7" t="s">
        <v>46</v>
      </c>
    </row>
    <row r="29" spans="1:3" x14ac:dyDescent="0.3">
      <c r="A29" s="42"/>
      <c r="B29" s="7" t="s">
        <v>25</v>
      </c>
      <c r="C29" s="7" t="s">
        <v>47</v>
      </c>
    </row>
    <row r="30" spans="1:3" ht="34.200000000000003" customHeight="1" x14ac:dyDescent="0.3">
      <c r="A30" s="42"/>
      <c r="B30" s="7" t="s">
        <v>48</v>
      </c>
      <c r="C30" s="7" t="s">
        <v>49</v>
      </c>
    </row>
    <row r="31" spans="1:3" ht="21.6" customHeight="1" thickBot="1" x14ac:dyDescent="0.35">
      <c r="A31" s="47"/>
      <c r="B31" s="10" t="s">
        <v>28</v>
      </c>
      <c r="C31" s="10" t="s">
        <v>27</v>
      </c>
    </row>
    <row r="32" spans="1:3" ht="28.2" customHeight="1" thickTop="1" x14ac:dyDescent="0.3">
      <c r="A32" s="38" t="s">
        <v>50</v>
      </c>
      <c r="B32" s="8" t="s">
        <v>51</v>
      </c>
      <c r="C32" s="8" t="s">
        <v>52</v>
      </c>
    </row>
    <row r="33" spans="1:3" ht="40.200000000000003" x14ac:dyDescent="0.3">
      <c r="A33" s="39"/>
      <c r="B33" s="7"/>
      <c r="C33" s="7" t="s">
        <v>53</v>
      </c>
    </row>
    <row r="34" spans="1:3" x14ac:dyDescent="0.3">
      <c r="A34" s="39"/>
      <c r="B34" s="7"/>
      <c r="C34" s="7"/>
    </row>
    <row r="35" spans="1:3" x14ac:dyDescent="0.3">
      <c r="A35" s="39"/>
      <c r="B35" s="7"/>
      <c r="C35" s="7" t="s">
        <v>54</v>
      </c>
    </row>
    <row r="36" spans="1:3" x14ac:dyDescent="0.3">
      <c r="A36" s="39"/>
      <c r="B36" s="7"/>
      <c r="C36" s="7"/>
    </row>
    <row r="37" spans="1:3" x14ac:dyDescent="0.3">
      <c r="A37" s="39"/>
      <c r="B37" s="7"/>
      <c r="C37" s="7"/>
    </row>
    <row r="38" spans="1:3" x14ac:dyDescent="0.3">
      <c r="A38" s="39"/>
      <c r="B38" s="7"/>
      <c r="C38" s="7"/>
    </row>
    <row r="39" spans="1:3" x14ac:dyDescent="0.3">
      <c r="A39" s="39"/>
      <c r="B39" s="7"/>
      <c r="C39" s="7"/>
    </row>
    <row r="40" spans="1:3" ht="16.2" thickBot="1" x14ac:dyDescent="0.35">
      <c r="A40" s="39"/>
      <c r="B40" s="7"/>
      <c r="C40" s="7"/>
    </row>
    <row r="41" spans="1:3" ht="16.5" customHeight="1" thickTop="1" x14ac:dyDescent="0.3">
      <c r="A41" s="38" t="s">
        <v>55</v>
      </c>
      <c r="B41" s="8" t="s">
        <v>14</v>
      </c>
      <c r="C41" s="8" t="s">
        <v>15</v>
      </c>
    </row>
    <row r="42" spans="1:3" x14ac:dyDescent="0.3">
      <c r="A42" s="39"/>
      <c r="B42" s="7" t="s">
        <v>38</v>
      </c>
      <c r="C42" s="7" t="s">
        <v>39</v>
      </c>
    </row>
    <row r="43" spans="1:3" x14ac:dyDescent="0.3">
      <c r="A43" s="39"/>
      <c r="B43" s="7" t="s">
        <v>56</v>
      </c>
      <c r="C43" s="7" t="s">
        <v>39</v>
      </c>
    </row>
    <row r="44" spans="1:3" x14ac:dyDescent="0.3">
      <c r="A44" s="39"/>
      <c r="B44" s="7" t="s">
        <v>43</v>
      </c>
      <c r="C44" s="7" t="s">
        <v>45</v>
      </c>
    </row>
    <row r="45" spans="1:3" x14ac:dyDescent="0.3">
      <c r="A45" s="39"/>
      <c r="B45" s="7" t="s">
        <v>57</v>
      </c>
      <c r="C45" s="7" t="s">
        <v>20</v>
      </c>
    </row>
    <row r="46" spans="1:3" ht="16.2" thickBot="1" x14ac:dyDescent="0.35">
      <c r="A46" s="40"/>
      <c r="B46" s="11"/>
      <c r="C46" s="11"/>
    </row>
    <row r="47" spans="1:3" ht="15.75" customHeight="1" thickTop="1" x14ac:dyDescent="0.3">
      <c r="A47" s="38" t="s">
        <v>58</v>
      </c>
      <c r="B47" s="8" t="s">
        <v>59</v>
      </c>
      <c r="C47" s="8" t="s">
        <v>60</v>
      </c>
    </row>
    <row r="48" spans="1:3" ht="13.5" customHeight="1" x14ac:dyDescent="0.3">
      <c r="A48" s="39"/>
      <c r="B48" s="7" t="s">
        <v>61</v>
      </c>
      <c r="C48" s="7" t="s">
        <v>62</v>
      </c>
    </row>
    <row r="49" spans="1:3" ht="27" x14ac:dyDescent="0.3">
      <c r="A49" s="39"/>
      <c r="B49" s="7" t="s">
        <v>63</v>
      </c>
      <c r="C49" s="7" t="s">
        <v>64</v>
      </c>
    </row>
    <row r="50" spans="1:3" x14ac:dyDescent="0.3">
      <c r="A50" s="39"/>
      <c r="B50" s="7" t="s">
        <v>65</v>
      </c>
      <c r="C50" s="7" t="s">
        <v>66</v>
      </c>
    </row>
    <row r="51" spans="1:3" ht="27" x14ac:dyDescent="0.3">
      <c r="A51" s="39"/>
      <c r="B51" s="7" t="s">
        <v>67</v>
      </c>
      <c r="C51" s="7" t="s">
        <v>27</v>
      </c>
    </row>
    <row r="52" spans="1:3" x14ac:dyDescent="0.3">
      <c r="A52" s="39"/>
      <c r="B52" s="7" t="s">
        <v>68</v>
      </c>
      <c r="C52" s="7" t="s">
        <v>69</v>
      </c>
    </row>
    <row r="53" spans="1:3" x14ac:dyDescent="0.3">
      <c r="A53" s="39"/>
      <c r="B53" s="7" t="s">
        <v>28</v>
      </c>
      <c r="C53" s="7" t="s">
        <v>27</v>
      </c>
    </row>
    <row r="54" spans="1:3" ht="14.25" customHeight="1" x14ac:dyDescent="0.3">
      <c r="A54" s="39"/>
      <c r="B54" s="7" t="s">
        <v>70</v>
      </c>
      <c r="C54" s="7" t="s">
        <v>62</v>
      </c>
    </row>
    <row r="55" spans="1:3" ht="13.5" customHeight="1" x14ac:dyDescent="0.3">
      <c r="A55" s="39"/>
      <c r="B55" s="20" t="s">
        <v>71</v>
      </c>
      <c r="C55" s="20" t="s">
        <v>72</v>
      </c>
    </row>
    <row r="56" spans="1:3" x14ac:dyDescent="0.3">
      <c r="A56" s="39"/>
      <c r="B56" s="20"/>
      <c r="C56" s="20"/>
    </row>
    <row r="57" spans="1:3" ht="27.75" customHeight="1" thickBot="1" x14ac:dyDescent="0.35">
      <c r="A57" s="39"/>
      <c r="B57" s="7"/>
      <c r="C57" s="7"/>
    </row>
    <row r="58" spans="1:3" ht="27.75" customHeight="1" thickTop="1" x14ac:dyDescent="0.3">
      <c r="A58" s="41" t="s">
        <v>73</v>
      </c>
      <c r="B58" s="8" t="s">
        <v>74</v>
      </c>
      <c r="C58" s="8" t="s">
        <v>75</v>
      </c>
    </row>
    <row r="59" spans="1:3" ht="27" x14ac:dyDescent="0.3">
      <c r="A59" s="42"/>
      <c r="B59" s="7"/>
      <c r="C59" s="7" t="s">
        <v>76</v>
      </c>
    </row>
    <row r="60" spans="1:3" x14ac:dyDescent="0.3">
      <c r="A60" s="42"/>
      <c r="B60" s="7" t="s">
        <v>77</v>
      </c>
      <c r="C60" s="7"/>
    </row>
    <row r="61" spans="1:3" x14ac:dyDescent="0.3">
      <c r="A61" s="42"/>
      <c r="B61" s="7"/>
      <c r="C61" s="7"/>
    </row>
    <row r="62" spans="1:3" x14ac:dyDescent="0.3">
      <c r="A62" s="42"/>
      <c r="B62" s="7"/>
      <c r="C62" s="7"/>
    </row>
    <row r="63" spans="1:3" x14ac:dyDescent="0.3">
      <c r="A63" s="42"/>
      <c r="B63" s="7"/>
      <c r="C63" s="7"/>
    </row>
    <row r="64" spans="1:3" x14ac:dyDescent="0.3">
      <c r="A64" s="42"/>
      <c r="B64" s="7"/>
      <c r="C64" s="7"/>
    </row>
    <row r="65" spans="1:3" x14ac:dyDescent="0.3">
      <c r="A65" s="42"/>
      <c r="B65" s="7"/>
      <c r="C65" s="7"/>
    </row>
    <row r="66" spans="1:3" ht="16.2" thickBot="1" x14ac:dyDescent="0.35">
      <c r="A66" s="43"/>
      <c r="B66" s="28"/>
      <c r="C66" s="28"/>
    </row>
    <row r="67" spans="1:3" ht="125.25" customHeight="1" thickTop="1" thickBot="1" x14ac:dyDescent="0.35">
      <c r="A67" s="29" t="s">
        <v>78</v>
      </c>
      <c r="B67" s="30" t="s">
        <v>79</v>
      </c>
      <c r="C67" s="30" t="s">
        <v>80</v>
      </c>
    </row>
    <row r="68" spans="1:3" ht="13.5" customHeight="1" thickTop="1" x14ac:dyDescent="0.3">
      <c r="A68" s="35" t="s">
        <v>81</v>
      </c>
      <c r="B68" s="8" t="s">
        <v>82</v>
      </c>
      <c r="C68" s="8" t="s">
        <v>83</v>
      </c>
    </row>
    <row r="69" spans="1:3" x14ac:dyDescent="0.3">
      <c r="A69" s="36"/>
      <c r="B69" s="7" t="s">
        <v>84</v>
      </c>
      <c r="C69" s="7" t="s">
        <v>83</v>
      </c>
    </row>
    <row r="70" spans="1:3" ht="27" x14ac:dyDescent="0.3">
      <c r="A70" s="36"/>
      <c r="B70" s="7" t="s">
        <v>85</v>
      </c>
      <c r="C70" s="7" t="s">
        <v>86</v>
      </c>
    </row>
    <row r="71" spans="1:3" ht="27" x14ac:dyDescent="0.3">
      <c r="A71" s="36"/>
      <c r="B71" s="7" t="s">
        <v>87</v>
      </c>
      <c r="C71" s="7" t="s">
        <v>86</v>
      </c>
    </row>
    <row r="72" spans="1:3" x14ac:dyDescent="0.3">
      <c r="A72" s="36"/>
      <c r="B72" s="7"/>
      <c r="C72" s="7"/>
    </row>
    <row r="73" spans="1:3" x14ac:dyDescent="0.3">
      <c r="A73" s="36"/>
      <c r="B73" s="7"/>
      <c r="C73" s="7" t="s">
        <v>88</v>
      </c>
    </row>
    <row r="74" spans="1:3" ht="16.2" thickBot="1" x14ac:dyDescent="0.35">
      <c r="A74" s="37"/>
      <c r="B74" s="10"/>
      <c r="C74" s="10" t="s">
        <v>89</v>
      </c>
    </row>
    <row r="75" spans="1:3" s="1" customFormat="1" ht="106.5" customHeight="1" thickTop="1" thickBot="1" x14ac:dyDescent="0.35">
      <c r="A75" s="33" t="s">
        <v>90</v>
      </c>
      <c r="B75" s="32" t="s">
        <v>91</v>
      </c>
      <c r="C75" s="33" t="s">
        <v>92</v>
      </c>
    </row>
    <row r="76" spans="1:3" ht="16.2" thickTop="1" x14ac:dyDescent="0.3">
      <c r="A76" s="44" t="s">
        <v>93</v>
      </c>
      <c r="B76" s="8" t="s">
        <v>94</v>
      </c>
      <c r="C76" s="34" t="s">
        <v>95</v>
      </c>
    </row>
    <row r="77" spans="1:3" ht="16.2" thickBot="1" x14ac:dyDescent="0.35">
      <c r="A77" s="45"/>
      <c r="B77" s="10" t="s">
        <v>96</v>
      </c>
      <c r="C77" s="19" t="s">
        <v>95</v>
      </c>
    </row>
    <row r="78" spans="1:3" ht="16.2" thickTop="1" x14ac:dyDescent="0.3">
      <c r="A78" s="46" t="s">
        <v>97</v>
      </c>
      <c r="B78" s="8" t="s">
        <v>98</v>
      </c>
      <c r="C78" s="8" t="s">
        <v>99</v>
      </c>
    </row>
    <row r="79" spans="1:3" x14ac:dyDescent="0.3">
      <c r="A79" s="42"/>
      <c r="B79" s="7"/>
      <c r="C79" s="7"/>
    </row>
    <row r="80" spans="1:3" x14ac:dyDescent="0.3">
      <c r="A80" s="42"/>
      <c r="B80" s="7"/>
      <c r="C80" s="7"/>
    </row>
    <row r="81" spans="1:3" x14ac:dyDescent="0.3">
      <c r="A81" s="42"/>
      <c r="B81" s="7"/>
      <c r="C81" s="7"/>
    </row>
    <row r="82" spans="1:3" ht="27" x14ac:dyDescent="0.3">
      <c r="A82" s="42"/>
      <c r="B82" s="7"/>
      <c r="C82" s="7" t="s">
        <v>100</v>
      </c>
    </row>
    <row r="83" spans="1:3" x14ac:dyDescent="0.3">
      <c r="A83" s="42"/>
      <c r="B83" s="7"/>
      <c r="C83" s="7" t="s">
        <v>89</v>
      </c>
    </row>
    <row r="84" spans="1:3" ht="27.6" thickBot="1" x14ac:dyDescent="0.35">
      <c r="A84" s="42"/>
      <c r="B84" s="7"/>
      <c r="C84" s="7" t="s">
        <v>101</v>
      </c>
    </row>
    <row r="85" spans="1:3" ht="13.5" customHeight="1" thickTop="1" x14ac:dyDescent="0.3">
      <c r="A85" s="35" t="s">
        <v>102</v>
      </c>
      <c r="B85" s="4" t="s">
        <v>103</v>
      </c>
      <c r="C85" s="4" t="s">
        <v>104</v>
      </c>
    </row>
    <row r="86" spans="1:3" x14ac:dyDescent="0.3">
      <c r="A86" s="36"/>
      <c r="B86" s="7"/>
      <c r="C86" s="3"/>
    </row>
    <row r="87" spans="1:3" x14ac:dyDescent="0.3">
      <c r="A87" s="36"/>
      <c r="B87" s="7"/>
      <c r="C87" s="3"/>
    </row>
    <row r="88" spans="1:3" ht="26.4" x14ac:dyDescent="0.3">
      <c r="A88" s="36"/>
      <c r="B88" s="7"/>
      <c r="C88" s="3" t="s">
        <v>105</v>
      </c>
    </row>
    <row r="89" spans="1:3" x14ac:dyDescent="0.3">
      <c r="A89" s="36"/>
      <c r="B89" s="7"/>
      <c r="C89" s="7"/>
    </row>
    <row r="90" spans="1:3" ht="16.2" thickBot="1" x14ac:dyDescent="0.35">
      <c r="A90" s="37"/>
      <c r="B90" s="10"/>
      <c r="C90" s="10"/>
    </row>
    <row r="91" spans="1:3" ht="28.5" customHeight="1" thickTop="1" x14ac:dyDescent="0.3">
      <c r="A91" s="35" t="s">
        <v>106</v>
      </c>
      <c r="B91" s="8" t="s">
        <v>107</v>
      </c>
      <c r="C91" s="8" t="s">
        <v>108</v>
      </c>
    </row>
    <row r="92" spans="1:3" x14ac:dyDescent="0.3">
      <c r="A92" s="36"/>
      <c r="B92" s="7" t="s">
        <v>109</v>
      </c>
      <c r="C92" s="7" t="s">
        <v>110</v>
      </c>
    </row>
    <row r="93" spans="1:3" x14ac:dyDescent="0.3">
      <c r="A93" s="36"/>
      <c r="B93" s="7" t="s">
        <v>111</v>
      </c>
      <c r="C93" s="7" t="s">
        <v>110</v>
      </c>
    </row>
    <row r="94" spans="1:3" x14ac:dyDescent="0.3">
      <c r="A94" s="36"/>
      <c r="B94" s="7" t="s">
        <v>112</v>
      </c>
      <c r="C94" s="7" t="s">
        <v>113</v>
      </c>
    </row>
    <row r="95" spans="1:3" x14ac:dyDescent="0.3">
      <c r="A95" s="36"/>
      <c r="B95" s="7" t="s">
        <v>94</v>
      </c>
      <c r="C95" s="7" t="s">
        <v>114</v>
      </c>
    </row>
    <row r="96" spans="1:3" ht="16.2" thickBot="1" x14ac:dyDescent="0.35">
      <c r="A96" s="37"/>
      <c r="B96" s="10" t="s">
        <v>96</v>
      </c>
      <c r="C96" s="10" t="s">
        <v>114</v>
      </c>
    </row>
    <row r="97" spans="1:3" ht="28.5" customHeight="1" thickTop="1" x14ac:dyDescent="0.3">
      <c r="A97" s="35" t="s">
        <v>115</v>
      </c>
      <c r="B97" s="4" t="s">
        <v>116</v>
      </c>
      <c r="C97" s="13" t="s">
        <v>117</v>
      </c>
    </row>
    <row r="98" spans="1:3" ht="27.75" customHeight="1" thickBot="1" x14ac:dyDescent="0.35">
      <c r="A98" s="37"/>
      <c r="B98" s="10"/>
      <c r="C98" s="10"/>
    </row>
    <row r="99" spans="1:3" ht="27" thickTop="1" x14ac:dyDescent="0.3">
      <c r="A99" s="9"/>
      <c r="B99" s="12"/>
      <c r="C99" s="15" t="s">
        <v>118</v>
      </c>
    </row>
    <row r="100" spans="1:3" x14ac:dyDescent="0.3">
      <c r="A100" s="9"/>
      <c r="B100" s="12"/>
      <c r="C100" s="12"/>
    </row>
    <row r="101" spans="1:3" x14ac:dyDescent="0.3">
      <c r="A101" s="9"/>
      <c r="B101" s="12"/>
      <c r="C101" s="12"/>
    </row>
    <row r="102" spans="1:3" x14ac:dyDescent="0.3">
      <c r="A102" s="9"/>
      <c r="B102" s="12"/>
      <c r="C102" s="14"/>
    </row>
  </sheetData>
  <mergeCells count="14">
    <mergeCell ref="A18:A31"/>
    <mergeCell ref="A1:D1"/>
    <mergeCell ref="A2:C2"/>
    <mergeCell ref="A4:A17"/>
    <mergeCell ref="A32:A40"/>
    <mergeCell ref="A85:A90"/>
    <mergeCell ref="A91:A96"/>
    <mergeCell ref="A97:A98"/>
    <mergeCell ref="A47:A57"/>
    <mergeCell ref="A41:A46"/>
    <mergeCell ref="A58:A66"/>
    <mergeCell ref="A68:A74"/>
    <mergeCell ref="A76:A77"/>
    <mergeCell ref="A78:A84"/>
  </mergeCells>
  <phoneticPr fontId="7" type="noConversion"/>
  <hyperlinks>
    <hyperlink ref="C97" r:id="rId1" display="here." xr:uid="{F6A3D81F-B2E6-4C26-966C-D454A8688CE1}"/>
    <hyperlink ref="C99" r:id="rId2" display="Product ID#'s can be found here." xr:uid="{4073E856-7025-4D2C-A784-634195D9F26A}"/>
  </hyperlinks>
  <pageMargins left="0.7" right="0.7" top="0.75" bottom="0.75" header="0.3" footer="0.3"/>
  <pageSetup scale="90" fitToHeight="5" orientation="landscape" r:id="rId3"/>
  <rowBreaks count="2" manualBreakCount="2">
    <brk id="57" max="16383" man="1"/>
    <brk id="75" max="16383" man="1"/>
  </rowBreaks>
  <drawing r:id="rId4"/>
  <legacyDrawing r:id="rId5"/>
</worksheet>
</file>

<file path=xl/worksheets/sheet2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8262F5A-0863-4373-BF81-09ACFB4DD893}">
  <dimension ref="A1:F120"/>
  <sheetViews>
    <sheetView zoomScale="115" zoomScaleNormal="115" workbookViewId="0">
      <selection activeCell="B14" sqref="B14:B15"/>
    </sheetView>
  </sheetViews>
  <sheetFormatPr defaultColWidth="11" defaultRowHeight="15.6" x14ac:dyDescent="0.3"/>
  <cols>
    <col min="1" max="1" width="20.19921875" customWidth="1"/>
    <col min="2" max="2" width="35.59765625" style="2" customWidth="1"/>
    <col min="3" max="3" width="50.19921875" style="2" customWidth="1"/>
    <col min="4" max="4" width="19" customWidth="1"/>
  </cols>
  <sheetData>
    <row r="1" spans="1:6" s="1" customFormat="1" ht="81.75" customHeight="1" x14ac:dyDescent="0.3">
      <c r="A1" s="48" t="s">
        <v>0</v>
      </c>
      <c r="B1" s="49"/>
      <c r="C1" s="49"/>
      <c r="D1" s="49"/>
    </row>
    <row r="2" spans="1:6" ht="15.75" customHeight="1" x14ac:dyDescent="0.3">
      <c r="A2" s="50" t="s">
        <v>1</v>
      </c>
      <c r="B2" s="51"/>
      <c r="C2" s="52"/>
    </row>
    <row r="3" spans="1:6" s="1" customFormat="1" ht="14.25" customHeight="1" x14ac:dyDescent="0.3">
      <c r="A3" s="5" t="s">
        <v>2</v>
      </c>
      <c r="B3" s="5" t="s">
        <v>3</v>
      </c>
      <c r="C3" s="5" t="s">
        <v>4</v>
      </c>
    </row>
    <row r="4" spans="1:6" ht="15" customHeight="1" x14ac:dyDescent="0.3">
      <c r="A4" s="42" t="s">
        <v>5</v>
      </c>
      <c r="B4" s="6" t="s">
        <v>6</v>
      </c>
      <c r="C4" s="7" t="s">
        <v>7</v>
      </c>
    </row>
    <row r="5" spans="1:6" ht="27" x14ac:dyDescent="0.3">
      <c r="A5" s="42"/>
      <c r="B5" s="7" t="s">
        <v>8</v>
      </c>
      <c r="C5" s="7" t="s">
        <v>9</v>
      </c>
    </row>
    <row r="6" spans="1:6" x14ac:dyDescent="0.3">
      <c r="A6" s="42"/>
      <c r="B6" s="7" t="s">
        <v>10</v>
      </c>
      <c r="C6" s="7" t="s">
        <v>7</v>
      </c>
    </row>
    <row r="7" spans="1:6" x14ac:dyDescent="0.3">
      <c r="A7" s="42"/>
      <c r="B7" s="7" t="s">
        <v>11</v>
      </c>
      <c r="C7" s="7" t="s">
        <v>7</v>
      </c>
      <c r="E7" s="7"/>
      <c r="F7" s="7"/>
    </row>
    <row r="8" spans="1:6" x14ac:dyDescent="0.3">
      <c r="A8" s="42"/>
      <c r="B8" s="7" t="s">
        <v>12</v>
      </c>
      <c r="C8" s="7" t="s">
        <v>13</v>
      </c>
    </row>
    <row r="9" spans="1:6" x14ac:dyDescent="0.3">
      <c r="A9" s="42"/>
      <c r="B9" s="7" t="s">
        <v>14</v>
      </c>
      <c r="C9" s="7" t="s">
        <v>15</v>
      </c>
    </row>
    <row r="10" spans="1:6" x14ac:dyDescent="0.3">
      <c r="A10" s="42"/>
      <c r="B10" s="7" t="s">
        <v>16</v>
      </c>
      <c r="C10" s="7" t="s">
        <v>17</v>
      </c>
    </row>
    <row r="11" spans="1:6" x14ac:dyDescent="0.3">
      <c r="A11" s="42"/>
      <c r="B11" s="7" t="s">
        <v>18</v>
      </c>
      <c r="C11" s="7" t="s">
        <v>17</v>
      </c>
    </row>
    <row r="12" spans="1:6" x14ac:dyDescent="0.3">
      <c r="A12" s="42"/>
      <c r="B12" s="7" t="s">
        <v>19</v>
      </c>
      <c r="C12" s="7" t="s">
        <v>20</v>
      </c>
    </row>
    <row r="13" spans="1:6" x14ac:dyDescent="0.3">
      <c r="A13" s="42"/>
      <c r="B13" s="7" t="s">
        <v>21</v>
      </c>
      <c r="C13" s="7" t="s">
        <v>22</v>
      </c>
    </row>
    <row r="14" spans="1:6" ht="40.200000000000003" x14ac:dyDescent="0.3">
      <c r="A14" s="42"/>
      <c r="B14" s="7" t="s">
        <v>128</v>
      </c>
      <c r="C14" s="7" t="s">
        <v>24</v>
      </c>
    </row>
    <row r="15" spans="1:6" x14ac:dyDescent="0.3">
      <c r="A15" s="42"/>
      <c r="B15" s="7" t="s">
        <v>127</v>
      </c>
      <c r="C15" s="7" t="s">
        <v>7</v>
      </c>
    </row>
    <row r="16" spans="1:6" x14ac:dyDescent="0.3">
      <c r="A16" s="42"/>
      <c r="B16" s="7" t="s">
        <v>26</v>
      </c>
      <c r="C16" s="7" t="s">
        <v>27</v>
      </c>
    </row>
    <row r="17" spans="1:3" ht="16.2" thickBot="1" x14ac:dyDescent="0.35">
      <c r="A17" s="47"/>
      <c r="B17" s="10" t="s">
        <v>28</v>
      </c>
      <c r="C17" s="10" t="s">
        <v>27</v>
      </c>
    </row>
    <row r="18" spans="1:3" ht="16.5" customHeight="1" thickTop="1" x14ac:dyDescent="0.3">
      <c r="A18" s="46" t="s">
        <v>119</v>
      </c>
      <c r="B18" s="11" t="s">
        <v>30</v>
      </c>
      <c r="C18" s="11" t="s">
        <v>31</v>
      </c>
    </row>
    <row r="19" spans="1:3" x14ac:dyDescent="0.3">
      <c r="A19" s="42"/>
      <c r="B19" s="7" t="s">
        <v>32</v>
      </c>
      <c r="C19" s="7" t="s">
        <v>15</v>
      </c>
    </row>
    <row r="20" spans="1:3" x14ac:dyDescent="0.3">
      <c r="A20" s="42"/>
      <c r="B20" s="7" t="s">
        <v>33</v>
      </c>
      <c r="C20" s="7" t="s">
        <v>7</v>
      </c>
    </row>
    <row r="21" spans="1:3" ht="26.25" customHeight="1" x14ac:dyDescent="0.3">
      <c r="A21" s="42"/>
      <c r="B21" s="7" t="s">
        <v>34</v>
      </c>
      <c r="C21" s="7" t="s">
        <v>35</v>
      </c>
    </row>
    <row r="22" spans="1:3" x14ac:dyDescent="0.3">
      <c r="A22" s="42"/>
      <c r="B22" s="7" t="s">
        <v>36</v>
      </c>
      <c r="C22" s="7" t="s">
        <v>37</v>
      </c>
    </row>
    <row r="23" spans="1:3" x14ac:dyDescent="0.3">
      <c r="A23" s="42"/>
      <c r="B23" s="7" t="s">
        <v>38</v>
      </c>
      <c r="C23" s="7" t="s">
        <v>39</v>
      </c>
    </row>
    <row r="24" spans="1:3" x14ac:dyDescent="0.3">
      <c r="A24" s="42"/>
      <c r="B24" s="7" t="s">
        <v>40</v>
      </c>
      <c r="C24" s="7" t="s">
        <v>39</v>
      </c>
    </row>
    <row r="25" spans="1:3" x14ac:dyDescent="0.3">
      <c r="A25" s="42"/>
      <c r="B25" s="7" t="s">
        <v>41</v>
      </c>
      <c r="C25" s="7" t="s">
        <v>42</v>
      </c>
    </row>
    <row r="26" spans="1:3" x14ac:dyDescent="0.3">
      <c r="A26" s="42"/>
      <c r="B26" s="7" t="s">
        <v>43</v>
      </c>
      <c r="C26" s="7" t="s">
        <v>17</v>
      </c>
    </row>
    <row r="27" spans="1:3" x14ac:dyDescent="0.3">
      <c r="A27" s="42"/>
      <c r="B27" s="7" t="s">
        <v>44</v>
      </c>
      <c r="C27" s="20" t="s">
        <v>45</v>
      </c>
    </row>
    <row r="28" spans="1:3" ht="27" x14ac:dyDescent="0.3">
      <c r="A28" s="42"/>
      <c r="B28" s="7" t="s">
        <v>23</v>
      </c>
      <c r="C28" s="7" t="s">
        <v>46</v>
      </c>
    </row>
    <row r="29" spans="1:3" x14ac:dyDescent="0.3">
      <c r="A29" s="42"/>
      <c r="B29" s="7" t="s">
        <v>25</v>
      </c>
      <c r="C29" s="7" t="s">
        <v>47</v>
      </c>
    </row>
    <row r="30" spans="1:3" ht="27" x14ac:dyDescent="0.3">
      <c r="A30" s="42"/>
      <c r="B30" s="7" t="s">
        <v>48</v>
      </c>
      <c r="C30" s="7" t="s">
        <v>49</v>
      </c>
    </row>
    <row r="31" spans="1:3" ht="16.2" thickBot="1" x14ac:dyDescent="0.35">
      <c r="A31" s="47"/>
      <c r="B31" s="10" t="s">
        <v>28</v>
      </c>
      <c r="C31" s="10" t="s">
        <v>27</v>
      </c>
    </row>
    <row r="32" spans="1:3" ht="16.2" thickTop="1" x14ac:dyDescent="0.3">
      <c r="A32" s="38" t="s">
        <v>120</v>
      </c>
      <c r="B32" s="21" t="s">
        <v>61</v>
      </c>
      <c r="C32" s="20" t="s">
        <v>121</v>
      </c>
    </row>
    <row r="33" spans="1:3" x14ac:dyDescent="0.3">
      <c r="A33" s="39"/>
      <c r="B33" s="22" t="s">
        <v>70</v>
      </c>
      <c r="C33" s="23" t="s">
        <v>121</v>
      </c>
    </row>
    <row r="34" spans="1:3" x14ac:dyDescent="0.3">
      <c r="A34" s="39"/>
      <c r="B34" s="24" t="s">
        <v>122</v>
      </c>
      <c r="C34" s="25" t="s">
        <v>123</v>
      </c>
    </row>
    <row r="35" spans="1:3" x14ac:dyDescent="0.3">
      <c r="A35" s="39"/>
      <c r="B35" s="24" t="s">
        <v>124</v>
      </c>
      <c r="C35" s="26" t="s">
        <v>125</v>
      </c>
    </row>
    <row r="36" spans="1:3" x14ac:dyDescent="0.3">
      <c r="A36" s="39"/>
      <c r="B36" s="27"/>
      <c r="C36" s="27"/>
    </row>
    <row r="37" spans="1:3" x14ac:dyDescent="0.3">
      <c r="A37" s="39"/>
      <c r="B37" s="7"/>
      <c r="C37" s="7"/>
    </row>
    <row r="38" spans="1:3" x14ac:dyDescent="0.3">
      <c r="A38" s="39"/>
      <c r="B38" s="7"/>
      <c r="C38" s="7"/>
    </row>
    <row r="39" spans="1:3" x14ac:dyDescent="0.3">
      <c r="A39" s="39"/>
      <c r="B39" s="7"/>
      <c r="C39" s="7"/>
    </row>
    <row r="40" spans="1:3" x14ac:dyDescent="0.3">
      <c r="A40" s="39"/>
      <c r="B40" s="7"/>
      <c r="C40" s="7"/>
    </row>
    <row r="41" spans="1:3" x14ac:dyDescent="0.3">
      <c r="A41" s="39"/>
      <c r="B41" s="7"/>
      <c r="C41" s="7"/>
    </row>
    <row r="42" spans="1:3" x14ac:dyDescent="0.3">
      <c r="A42" s="39"/>
      <c r="B42" s="7"/>
      <c r="C42" s="7"/>
    </row>
    <row r="43" spans="1:3" x14ac:dyDescent="0.3">
      <c r="A43" s="39"/>
      <c r="B43" s="7"/>
      <c r="C43" s="7"/>
    </row>
    <row r="44" spans="1:3" x14ac:dyDescent="0.3">
      <c r="A44" s="39"/>
      <c r="B44" s="7"/>
      <c r="C44" s="7"/>
    </row>
    <row r="45" spans="1:3" x14ac:dyDescent="0.3">
      <c r="A45" s="39"/>
      <c r="B45" s="7"/>
      <c r="C45" s="7"/>
    </row>
    <row r="46" spans="1:3" ht="16.2" thickBot="1" x14ac:dyDescent="0.35">
      <c r="A46" s="40"/>
      <c r="B46" s="10"/>
      <c r="C46" s="10"/>
    </row>
    <row r="47" spans="1:3" ht="28.2" customHeight="1" thickTop="1" x14ac:dyDescent="0.3">
      <c r="A47" s="38" t="s">
        <v>50</v>
      </c>
      <c r="B47" s="8" t="s">
        <v>51</v>
      </c>
      <c r="C47" s="8" t="s">
        <v>52</v>
      </c>
    </row>
    <row r="48" spans="1:3" ht="40.200000000000003" x14ac:dyDescent="0.3">
      <c r="A48" s="39"/>
      <c r="B48" s="7"/>
      <c r="C48" s="7" t="s">
        <v>53</v>
      </c>
    </row>
    <row r="49" spans="1:3" x14ac:dyDescent="0.3">
      <c r="A49" s="39"/>
      <c r="B49" s="7"/>
      <c r="C49" s="7"/>
    </row>
    <row r="50" spans="1:3" x14ac:dyDescent="0.3">
      <c r="A50" s="39"/>
      <c r="B50" s="7"/>
      <c r="C50" s="7" t="s">
        <v>54</v>
      </c>
    </row>
    <row r="51" spans="1:3" x14ac:dyDescent="0.3">
      <c r="A51" s="39"/>
      <c r="B51" s="7"/>
      <c r="C51" s="7"/>
    </row>
    <row r="52" spans="1:3" x14ac:dyDescent="0.3">
      <c r="A52" s="39"/>
      <c r="B52" s="7"/>
      <c r="C52" s="7"/>
    </row>
    <row r="53" spans="1:3" x14ac:dyDescent="0.3">
      <c r="A53" s="39"/>
      <c r="B53" s="7"/>
      <c r="C53" s="7"/>
    </row>
    <row r="54" spans="1:3" x14ac:dyDescent="0.3">
      <c r="A54" s="39"/>
      <c r="B54" s="7"/>
      <c r="C54" s="7"/>
    </row>
    <row r="55" spans="1:3" ht="16.2" thickBot="1" x14ac:dyDescent="0.35">
      <c r="A55" s="39"/>
      <c r="B55" s="7"/>
      <c r="C55" s="7"/>
    </row>
    <row r="56" spans="1:3" ht="16.5" customHeight="1" thickTop="1" x14ac:dyDescent="0.3">
      <c r="A56" s="38" t="s">
        <v>55</v>
      </c>
      <c r="B56" s="8" t="s">
        <v>126</v>
      </c>
      <c r="C56" s="8" t="s">
        <v>15</v>
      </c>
    </row>
    <row r="57" spans="1:3" x14ac:dyDescent="0.3">
      <c r="A57" s="39"/>
      <c r="B57" s="7" t="s">
        <v>38</v>
      </c>
      <c r="C57" s="7" t="s">
        <v>39</v>
      </c>
    </row>
    <row r="58" spans="1:3" x14ac:dyDescent="0.3">
      <c r="A58" s="39"/>
      <c r="B58" s="7" t="s">
        <v>56</v>
      </c>
      <c r="C58" s="7" t="s">
        <v>39</v>
      </c>
    </row>
    <row r="59" spans="1:3" x14ac:dyDescent="0.3">
      <c r="A59" s="39"/>
      <c r="B59" s="7" t="s">
        <v>43</v>
      </c>
      <c r="C59" s="7" t="s">
        <v>45</v>
      </c>
    </row>
    <row r="60" spans="1:3" x14ac:dyDescent="0.3">
      <c r="A60" s="39"/>
      <c r="B60" s="7" t="s">
        <v>57</v>
      </c>
      <c r="C60" s="7" t="s">
        <v>20</v>
      </c>
    </row>
    <row r="61" spans="1:3" ht="16.2" thickBot="1" x14ac:dyDescent="0.35">
      <c r="A61" s="40"/>
      <c r="B61" s="11"/>
      <c r="C61" s="11"/>
    </row>
    <row r="62" spans="1:3" ht="15.75" customHeight="1" thickTop="1" x14ac:dyDescent="0.3">
      <c r="A62" s="46" t="s">
        <v>58</v>
      </c>
      <c r="B62" s="8" t="s">
        <v>59</v>
      </c>
      <c r="C62" s="8" t="s">
        <v>60</v>
      </c>
    </row>
    <row r="63" spans="1:3" ht="13.5" customHeight="1" x14ac:dyDescent="0.3">
      <c r="A63" s="42"/>
      <c r="B63" s="7" t="s">
        <v>61</v>
      </c>
      <c r="C63" s="7" t="s">
        <v>62</v>
      </c>
    </row>
    <row r="64" spans="1:3" ht="27" x14ac:dyDescent="0.3">
      <c r="A64" s="42"/>
      <c r="B64" s="7" t="s">
        <v>63</v>
      </c>
      <c r="C64" s="7" t="s">
        <v>64</v>
      </c>
    </row>
    <row r="65" spans="1:3" x14ac:dyDescent="0.3">
      <c r="A65" s="42"/>
      <c r="B65" s="7" t="s">
        <v>65</v>
      </c>
      <c r="C65" s="7" t="s">
        <v>66</v>
      </c>
    </row>
    <row r="66" spans="1:3" ht="27" x14ac:dyDescent="0.3">
      <c r="A66" s="42"/>
      <c r="B66" s="7" t="s">
        <v>67</v>
      </c>
      <c r="C66" s="7" t="s">
        <v>27</v>
      </c>
    </row>
    <row r="67" spans="1:3" x14ac:dyDescent="0.3">
      <c r="A67" s="42"/>
      <c r="B67" s="7" t="s">
        <v>68</v>
      </c>
      <c r="C67" s="7" t="s">
        <v>69</v>
      </c>
    </row>
    <row r="68" spans="1:3" x14ac:dyDescent="0.3">
      <c r="A68" s="42"/>
      <c r="B68" s="7" t="s">
        <v>28</v>
      </c>
      <c r="C68" s="7" t="s">
        <v>27</v>
      </c>
    </row>
    <row r="69" spans="1:3" x14ac:dyDescent="0.3">
      <c r="A69" s="42"/>
      <c r="B69" s="7" t="s">
        <v>70</v>
      </c>
      <c r="C69" s="7" t="s">
        <v>62</v>
      </c>
    </row>
    <row r="70" spans="1:3" ht="27" x14ac:dyDescent="0.3">
      <c r="A70" s="42"/>
      <c r="B70" s="20" t="s">
        <v>71</v>
      </c>
      <c r="C70" s="20" t="s">
        <v>72</v>
      </c>
    </row>
    <row r="71" spans="1:3" x14ac:dyDescent="0.3">
      <c r="A71" s="42"/>
      <c r="B71" s="20"/>
      <c r="C71" s="20"/>
    </row>
    <row r="72" spans="1:3" x14ac:dyDescent="0.3">
      <c r="A72" s="42"/>
      <c r="B72" s="20"/>
      <c r="C72" s="20"/>
    </row>
    <row r="73" spans="1:3" x14ac:dyDescent="0.3">
      <c r="A73" s="42"/>
      <c r="B73" s="20"/>
      <c r="C73" s="20"/>
    </row>
    <row r="74" spans="1:3" ht="16.2" thickBot="1" x14ac:dyDescent="0.35">
      <c r="A74" s="42"/>
      <c r="B74" s="7"/>
      <c r="C74" s="7"/>
    </row>
    <row r="75" spans="1:3" ht="27.75" customHeight="1" thickTop="1" x14ac:dyDescent="0.3">
      <c r="A75" s="46" t="s">
        <v>73</v>
      </c>
      <c r="B75" s="8" t="s">
        <v>74</v>
      </c>
      <c r="C75" s="8" t="s">
        <v>75</v>
      </c>
    </row>
    <row r="76" spans="1:3" ht="27" x14ac:dyDescent="0.3">
      <c r="A76" s="42"/>
      <c r="B76" s="7"/>
      <c r="C76" s="7" t="s">
        <v>76</v>
      </c>
    </row>
    <row r="77" spans="1:3" x14ac:dyDescent="0.3">
      <c r="A77" s="42"/>
      <c r="B77" s="7" t="s">
        <v>77</v>
      </c>
      <c r="C77" s="7"/>
    </row>
    <row r="78" spans="1:3" x14ac:dyDescent="0.3">
      <c r="A78" s="42"/>
      <c r="B78" s="7"/>
      <c r="C78" s="7"/>
    </row>
    <row r="79" spans="1:3" x14ac:dyDescent="0.3">
      <c r="A79" s="42"/>
      <c r="B79" s="7"/>
      <c r="C79" s="7"/>
    </row>
    <row r="80" spans="1:3" x14ac:dyDescent="0.3">
      <c r="A80" s="42"/>
      <c r="B80" s="7"/>
      <c r="C80" s="7"/>
    </row>
    <row r="81" spans="1:3" x14ac:dyDescent="0.3">
      <c r="A81" s="42"/>
      <c r="B81" s="7"/>
      <c r="C81" s="7"/>
    </row>
    <row r="82" spans="1:3" x14ac:dyDescent="0.3">
      <c r="A82" s="42"/>
      <c r="B82" s="7"/>
      <c r="C82" s="7"/>
    </row>
    <row r="83" spans="1:3" ht="15" customHeight="1" thickBot="1" x14ac:dyDescent="0.35">
      <c r="A83" s="43"/>
      <c r="B83" s="10"/>
      <c r="C83" s="10"/>
    </row>
    <row r="84" spans="1:3" ht="125.25" customHeight="1" thickTop="1" thickBot="1" x14ac:dyDescent="0.35">
      <c r="A84" s="29" t="s">
        <v>78</v>
      </c>
      <c r="B84" s="31" t="s">
        <v>79</v>
      </c>
      <c r="C84" s="31" t="s">
        <v>80</v>
      </c>
    </row>
    <row r="85" spans="1:3" ht="13.5" customHeight="1" thickTop="1" x14ac:dyDescent="0.3">
      <c r="A85" s="35" t="s">
        <v>81</v>
      </c>
      <c r="B85" s="8" t="s">
        <v>82</v>
      </c>
      <c r="C85" s="8" t="s">
        <v>83</v>
      </c>
    </row>
    <row r="86" spans="1:3" x14ac:dyDescent="0.3">
      <c r="A86" s="36"/>
      <c r="B86" s="7" t="s">
        <v>84</v>
      </c>
      <c r="C86" s="7" t="s">
        <v>83</v>
      </c>
    </row>
    <row r="87" spans="1:3" ht="27" x14ac:dyDescent="0.3">
      <c r="A87" s="36"/>
      <c r="B87" s="7" t="s">
        <v>85</v>
      </c>
      <c r="C87" s="7" t="s">
        <v>86</v>
      </c>
    </row>
    <row r="88" spans="1:3" ht="27" x14ac:dyDescent="0.3">
      <c r="A88" s="36"/>
      <c r="B88" s="7" t="s">
        <v>87</v>
      </c>
      <c r="C88" s="7" t="s">
        <v>86</v>
      </c>
    </row>
    <row r="89" spans="1:3" x14ac:dyDescent="0.3">
      <c r="A89" s="36"/>
      <c r="B89" s="7"/>
      <c r="C89" s="7"/>
    </row>
    <row r="90" spans="1:3" x14ac:dyDescent="0.3">
      <c r="A90" s="36"/>
      <c r="B90" s="7"/>
      <c r="C90" s="7" t="s">
        <v>88</v>
      </c>
    </row>
    <row r="91" spans="1:3" ht="16.2" thickBot="1" x14ac:dyDescent="0.35">
      <c r="A91" s="37"/>
      <c r="B91" s="10"/>
      <c r="C91" s="10" t="s">
        <v>89</v>
      </c>
    </row>
    <row r="92" spans="1:3" s="1" customFormat="1" ht="106.5" customHeight="1" thickTop="1" thickBot="1" x14ac:dyDescent="0.35">
      <c r="A92" s="16" t="s">
        <v>90</v>
      </c>
      <c r="B92" s="17" t="s">
        <v>91</v>
      </c>
      <c r="C92" s="16" t="s">
        <v>92</v>
      </c>
    </row>
    <row r="93" spans="1:3" ht="16.2" thickTop="1" x14ac:dyDescent="0.3">
      <c r="A93" s="44" t="s">
        <v>93</v>
      </c>
      <c r="B93" s="11" t="s">
        <v>94</v>
      </c>
      <c r="C93" s="18" t="s">
        <v>95</v>
      </c>
    </row>
    <row r="94" spans="1:3" ht="16.2" thickBot="1" x14ac:dyDescent="0.35">
      <c r="A94" s="45"/>
      <c r="B94" s="10" t="s">
        <v>96</v>
      </c>
      <c r="C94" s="19" t="s">
        <v>95</v>
      </c>
    </row>
    <row r="95" spans="1:3" ht="16.2" customHeight="1" thickTop="1" x14ac:dyDescent="0.3">
      <c r="A95" s="38" t="s">
        <v>97</v>
      </c>
      <c r="B95" s="8" t="s">
        <v>98</v>
      </c>
      <c r="C95" s="8" t="s">
        <v>99</v>
      </c>
    </row>
    <row r="96" spans="1:3" x14ac:dyDescent="0.3">
      <c r="A96" s="39"/>
      <c r="B96" s="7"/>
      <c r="C96" s="7"/>
    </row>
    <row r="97" spans="1:3" x14ac:dyDescent="0.3">
      <c r="A97" s="39"/>
      <c r="B97" s="7"/>
      <c r="C97" s="7"/>
    </row>
    <row r="98" spans="1:3" x14ac:dyDescent="0.3">
      <c r="A98" s="39"/>
      <c r="B98" s="7"/>
      <c r="C98" s="7"/>
    </row>
    <row r="99" spans="1:3" ht="27" x14ac:dyDescent="0.3">
      <c r="A99" s="39"/>
      <c r="B99" s="7"/>
      <c r="C99" s="7" t="s">
        <v>100</v>
      </c>
    </row>
    <row r="100" spans="1:3" x14ac:dyDescent="0.3">
      <c r="A100" s="39"/>
      <c r="B100" s="7"/>
      <c r="C100" s="7" t="s">
        <v>89</v>
      </c>
    </row>
    <row r="101" spans="1:3" ht="27" x14ac:dyDescent="0.3">
      <c r="A101" s="39"/>
      <c r="B101" s="7"/>
      <c r="C101" s="7" t="s">
        <v>101</v>
      </c>
    </row>
    <row r="102" spans="1:3" ht="16.95" customHeight="1" thickBot="1" x14ac:dyDescent="0.35">
      <c r="A102" s="40"/>
      <c r="B102" s="11"/>
      <c r="C102" s="11"/>
    </row>
    <row r="103" spans="1:3" ht="13.5" customHeight="1" thickTop="1" x14ac:dyDescent="0.3">
      <c r="A103" s="35" t="s">
        <v>102</v>
      </c>
      <c r="B103" s="4" t="s">
        <v>103</v>
      </c>
      <c r="C103" s="4" t="s">
        <v>104</v>
      </c>
    </row>
    <row r="104" spans="1:3" x14ac:dyDescent="0.3">
      <c r="A104" s="36"/>
      <c r="B104" s="7"/>
      <c r="C104" s="3"/>
    </row>
    <row r="105" spans="1:3" x14ac:dyDescent="0.3">
      <c r="A105" s="36"/>
      <c r="B105" s="7"/>
      <c r="C105" s="3"/>
    </row>
    <row r="106" spans="1:3" ht="26.4" x14ac:dyDescent="0.3">
      <c r="A106" s="36"/>
      <c r="B106" s="7"/>
      <c r="C106" s="3" t="s">
        <v>105</v>
      </c>
    </row>
    <row r="107" spans="1:3" x14ac:dyDescent="0.3">
      <c r="A107" s="36"/>
      <c r="B107" s="7"/>
      <c r="C107" s="7"/>
    </row>
    <row r="108" spans="1:3" ht="16.2" thickBot="1" x14ac:dyDescent="0.35">
      <c r="A108" s="37"/>
      <c r="B108" s="10"/>
      <c r="C108" s="10"/>
    </row>
    <row r="109" spans="1:3" ht="28.5" customHeight="1" thickTop="1" x14ac:dyDescent="0.3">
      <c r="A109" s="35" t="s">
        <v>106</v>
      </c>
      <c r="B109" s="8" t="s">
        <v>107</v>
      </c>
      <c r="C109" s="8" t="s">
        <v>108</v>
      </c>
    </row>
    <row r="110" spans="1:3" x14ac:dyDescent="0.3">
      <c r="A110" s="36"/>
      <c r="B110" s="7" t="s">
        <v>109</v>
      </c>
      <c r="C110" s="7" t="s">
        <v>110</v>
      </c>
    </row>
    <row r="111" spans="1:3" x14ac:dyDescent="0.3">
      <c r="A111" s="36"/>
      <c r="B111" s="7" t="s">
        <v>111</v>
      </c>
      <c r="C111" s="7" t="s">
        <v>110</v>
      </c>
    </row>
    <row r="112" spans="1:3" x14ac:dyDescent="0.3">
      <c r="A112" s="36"/>
      <c r="B112" s="7" t="s">
        <v>112</v>
      </c>
      <c r="C112" s="7" t="s">
        <v>113</v>
      </c>
    </row>
    <row r="113" spans="1:3" x14ac:dyDescent="0.3">
      <c r="A113" s="36"/>
      <c r="B113" s="7" t="s">
        <v>94</v>
      </c>
      <c r="C113" s="7" t="s">
        <v>114</v>
      </c>
    </row>
    <row r="114" spans="1:3" ht="16.2" thickBot="1" x14ac:dyDescent="0.35">
      <c r="A114" s="37"/>
      <c r="B114" s="10" t="s">
        <v>96</v>
      </c>
      <c r="C114" s="10" t="s">
        <v>114</v>
      </c>
    </row>
    <row r="115" spans="1:3" ht="28.5" customHeight="1" thickTop="1" x14ac:dyDescent="0.3">
      <c r="A115" s="35" t="s">
        <v>115</v>
      </c>
      <c r="B115" s="4" t="s">
        <v>116</v>
      </c>
      <c r="C115" s="13" t="s">
        <v>117</v>
      </c>
    </row>
    <row r="116" spans="1:3" ht="27.75" customHeight="1" thickBot="1" x14ac:dyDescent="0.35">
      <c r="A116" s="37"/>
      <c r="B116" s="10"/>
      <c r="C116" s="10"/>
    </row>
    <row r="117" spans="1:3" ht="27" thickTop="1" x14ac:dyDescent="0.3">
      <c r="A117" s="9"/>
      <c r="B117" s="12"/>
      <c r="C117" s="15" t="s">
        <v>118</v>
      </c>
    </row>
    <row r="118" spans="1:3" x14ac:dyDescent="0.3">
      <c r="A118" s="9"/>
      <c r="B118" s="12"/>
      <c r="C118" s="12"/>
    </row>
    <row r="119" spans="1:3" x14ac:dyDescent="0.3">
      <c r="A119" s="9"/>
      <c r="B119" s="12"/>
      <c r="C119" s="12"/>
    </row>
    <row r="120" spans="1:3" x14ac:dyDescent="0.3">
      <c r="A120" s="9"/>
      <c r="B120" s="12"/>
      <c r="C120" s="14"/>
    </row>
  </sheetData>
  <mergeCells count="15">
    <mergeCell ref="A109:A114"/>
    <mergeCell ref="A115:A116"/>
    <mergeCell ref="A32:A46"/>
    <mergeCell ref="A62:A74"/>
    <mergeCell ref="A75:A83"/>
    <mergeCell ref="A85:A91"/>
    <mergeCell ref="A93:A94"/>
    <mergeCell ref="A103:A108"/>
    <mergeCell ref="A56:A61"/>
    <mergeCell ref="A95:A102"/>
    <mergeCell ref="A1:D1"/>
    <mergeCell ref="A2:C2"/>
    <mergeCell ref="A4:A17"/>
    <mergeCell ref="A18:A31"/>
    <mergeCell ref="A47:A55"/>
  </mergeCells>
  <hyperlinks>
    <hyperlink ref="C115" r:id="rId1" display="here." xr:uid="{25551D6B-33FC-44C0-8414-7359F1204AD2}"/>
    <hyperlink ref="C117" r:id="rId2" display="Product ID#'s can be found here." xr:uid="{9E4F42BE-8945-4BA1-8C62-7D17A32C94A3}"/>
  </hyperlinks>
  <pageMargins left="0.7" right="0.7" top="0.75" bottom="0.75" header="0.3" footer="0.3"/>
  <pageSetup scale="90" fitToHeight="5" orientation="landscape" r:id="rId3"/>
  <rowBreaks count="2" manualBreakCount="2">
    <brk id="55" max="3" man="1"/>
    <brk id="102" max="16383" man="1"/>
  </rowBreaks>
  <drawing r:id="rId4"/>
  <legacyDrawing r:id="rId5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OSF Blank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7E7FFAC071ED34DAB6C604F81D014AE" ma:contentTypeVersion="20" ma:contentTypeDescription="Create a new document." ma:contentTypeScope="" ma:versionID="f8237a6262b553b810a0999fe1e5a70a">
  <xsd:schema xmlns:xsd="http://www.w3.org/2001/XMLSchema" xmlns:xs="http://www.w3.org/2001/XMLSchema" xmlns:p="http://schemas.microsoft.com/office/2006/metadata/properties" xmlns:ns1="http://schemas.microsoft.com/sharepoint/v3" xmlns:ns2="ab3d4c8f-c9ff-40cb-963c-75efc2aae435" xmlns:ns3="e186c4b2-7186-4931-8b90-943e8184805a" targetNamespace="http://schemas.microsoft.com/office/2006/metadata/properties" ma:root="true" ma:fieldsID="ae88c2d0cd238e228fb67f780dae3b8b" ns1:_="" ns2:_="" ns3:_="">
    <xsd:import namespace="http://schemas.microsoft.com/sharepoint/v3"/>
    <xsd:import namespace="ab3d4c8f-c9ff-40cb-963c-75efc2aae435"/>
    <xsd:import namespace="e186c4b2-7186-4931-8b90-943e8184805a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1:_ip_UnifiedCompliancePolicyProperties" minOccurs="0"/>
                <xsd:element ref="ns1:_ip_UnifiedCompliancePolicyUIActio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2" nillable="true" ma:displayName="Unified Compliance Policy Properties" ma:hidden="true" ma:internalName="_ip_UnifiedCompliancePolicyProperties" ma:readOnly="false">
      <xsd:simpleType>
        <xsd:restriction base="dms:Note"/>
      </xsd:simpleType>
    </xsd:element>
    <xsd:element name="_ip_UnifiedCompliancePolicyUIAction" ma:index="23" nillable="true" ma:displayName="Unified Compliance Policy UI Action" ma:hidden="true" ma:internalName="_ip_UnifiedCompliancePolicyUIAction" ma:readOnly="fals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b3d4c8f-c9ff-40cb-963c-75efc2aae43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15" nillable="true" ma:displayName="Location" ma:hidden="true" ma:indexed="true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9" nillable="true" ma:taxonomy="true" ma:internalName="lcf76f155ced4ddcb4097134ff3c332f" ma:taxonomyFieldName="MediaServiceImageTags" ma:displayName="Image Tags" ma:readOnly="false" ma:fieldId="{5cf76f15-5ced-4ddc-b409-7134ff3c332f}" ma:taxonomyMulti="true" ma:sspId="894c88c6-aec0-4a59-a55a-9afe5b3d352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1" nillable="true" ma:displayName="Extracted Text" ma:hidden="true" ma:internalName="MediaServiceOCR" ma:readOnly="true">
      <xsd:simpleType>
        <xsd:restriction base="dms:Note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186c4b2-7186-4931-8b90-943e8184805a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hidden="true" ma:internalName="SharedWithDetails" ma:readOnly="true">
      <xsd:simpleType>
        <xsd:restriction base="dms:Note"/>
      </xsd:simpleType>
    </xsd:element>
    <xsd:element name="TaxCatchAll" ma:index="20" nillable="true" ma:displayName="Taxonomy Catch All Column" ma:hidden="true" ma:list="{0c25e027-c42a-4554-a971-849d617b9689}" ma:internalName="TaxCatchAll" ma:readOnly="false" ma:showField="CatchAllData" ma:web="e186c4b2-7186-4931-8b90-943e818480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Content Type"/>
        <xsd:element ref="dc:title" minOccurs="0" maxOccurs="1" ma:index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TaxCatchAll xmlns="e186c4b2-7186-4931-8b90-943e8184805a" xsi:nil="true"/>
    <lcf76f155ced4ddcb4097134ff3c332f xmlns="ab3d4c8f-c9ff-40cb-963c-75efc2aae435">
      <Terms xmlns="http://schemas.microsoft.com/office/infopath/2007/PartnerControls"/>
    </lcf76f155ced4ddcb4097134ff3c332f>
  </documentManagement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21909BEF-2BE2-4C36-96F6-39B0207A7126}">
  <ds:schemaRefs/>
</ds:datastoreItem>
</file>

<file path=customXml/itemProps2.xml><?xml version="1.0" encoding="utf-8"?>
<ds:datastoreItem xmlns:ds="http://schemas.openxmlformats.org/officeDocument/2006/customXml" ds:itemID="{1D09003A-59A5-4842-855F-2B1889AF7B9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b3d4c8f-c9ff-40cb-963c-75efc2aae435"/>
    <ds:schemaRef ds:uri="e186c4b2-7186-4931-8b90-943e8184805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35E20220-0791-4199-80F6-2E8388F52BE7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814F44FE-2856-4E8A-BFBC-A595B6762C7D}">
  <ds:schemaRefs>
    <ds:schemaRef ds:uri="http://www.w3.org/XML/1998/namespace"/>
    <ds:schemaRef ds:uri="ab3d4c8f-c9ff-40cb-963c-75efc2aae435"/>
    <ds:schemaRef ds:uri="http://purl.org/dc/terms/"/>
    <ds:schemaRef ds:uri="http://purl.org/dc/dcmitype/"/>
    <ds:schemaRef ds:uri="http://schemas.microsoft.com/office/2006/metadata/properties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schemas.openxmlformats.org/package/2006/metadata/core-properties"/>
    <ds:schemaRef ds:uri="e186c4b2-7186-4931-8b90-943e8184805a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648B8A92-C4E1-477C-A956-30A49CB7C247}">
  <ds:schemaRefs/>
</ds:datastoreItem>
</file>

<file path=docMetadata/LabelInfo.xml><?xml version="1.0" encoding="utf-8"?>
<clbl:labelList xmlns:clbl="http://schemas.microsoft.com/office/2020/mipLabelMetadata">
  <clbl:label id="{efd6a630-be24-42f6-ac20-e11ed46b2193}" enabled="0" method="" siteId="{efd6a630-be24-42f6-ac20-e11ed46b219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2</vt:i4>
      </vt:variant>
      <vt:variant>
        <vt:lpstr>Named Ranges</vt:lpstr>
      </vt:variant>
      <vt:variant>
        <vt:i4>1</vt:i4>
      </vt:variant>
    </vt:vector>
  </HeadingPairs>
  <TitlesOfParts>
    <vt:vector size="3" baseType="lpstr">
      <vt:lpstr>Outreach Swab Chart</vt:lpstr>
      <vt:lpstr>Lab Swab Chart</vt:lpstr>
      <vt:lpstr>'Lab Swab Chart'!Print_Area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olleen</dc:creator>
  <cp:keywords/>
  <dc:description/>
  <cp:lastModifiedBy>Gregory, Colleen P.</cp:lastModifiedBy>
  <cp:revision/>
  <dcterms:created xsi:type="dcterms:W3CDTF">2023-11-02T14:06:38Z</dcterms:created>
  <dcterms:modified xsi:type="dcterms:W3CDTF">2025-02-19T15:02:15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914447168261741</vt:lpwstr>
  </property>
  <property fmtid="{D5CDD505-2E9C-101B-9397-08002B2CF9AE}" pid="4" name="TemplafyUserProfileId">
    <vt:lpwstr>768553749522677761</vt:lpwstr>
  </property>
  <property fmtid="{D5CDD505-2E9C-101B-9397-08002B2CF9AE}" pid="5" name="TemplafyFromBlank">
    <vt:bool>true</vt:bool>
  </property>
  <property fmtid="{D5CDD505-2E9C-101B-9397-08002B2CF9AE}" pid="6" name="ContentTypeId">
    <vt:lpwstr>0x01010077E7FFAC071ED34DAB6C604F81D014AE</vt:lpwstr>
  </property>
  <property fmtid="{D5CDD505-2E9C-101B-9397-08002B2CF9AE}" pid="7" name="MediaServiceImageTags">
    <vt:lpwstr/>
  </property>
</Properties>
</file>